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drawings/drawing2.xml" ContentType="application/vnd.openxmlformats-officedocument.drawing+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drawings/drawing3.xml" ContentType="application/vnd.openxmlformats-officedocument.drawing+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71"/>
  <workbookPr defaultThemeVersion="166925"/>
  <mc:AlternateContent xmlns:mc="http://schemas.openxmlformats.org/markup-compatibility/2006">
    <mc:Choice Requires="x15">
      <x15ac:absPath xmlns:x15ac="http://schemas.microsoft.com/office/spreadsheetml/2010/11/ac" url="P:\保育課\保育係\○○一斉入所申込関係○○\Ｒ6年度\添付書類関係\利用申し込み書\"/>
    </mc:Choice>
  </mc:AlternateContent>
  <xr:revisionPtr revIDLastSave="0" documentId="13_ncr:1_{2520638C-3958-489C-A179-D5376EB95049}" xr6:coauthVersionLast="36" xr6:coauthVersionMax="36" xr10:uidLastSave="{00000000-0000-0000-0000-000000000000}"/>
  <bookViews>
    <workbookView xWindow="0" yWindow="0" windowWidth="19200" windowHeight="8190" activeTab="3" xr2:uid="{9C4C4BAA-31E6-40A2-88AB-0EF3000DF389}"/>
  </bookViews>
  <sheets>
    <sheet name="利用申込書（表）" sheetId="1" r:id="rId1"/>
    <sheet name="利用申込書 (裏)" sheetId="2" r:id="rId2"/>
    <sheet name="注意事項" sheetId="3" r:id="rId3"/>
    <sheet name="同意書" sheetId="4" r:id="rId4"/>
  </sheets>
  <externalReferences>
    <externalReference r:id="rId5"/>
  </externalReferences>
  <definedNames>
    <definedName name="_xlnm.Print_Area" localSheetId="2">注意事項!$A$1:$CQ$61</definedName>
    <definedName name="_xlnm.Print_Area" localSheetId="3">同意書!$A$1:$CR$95</definedName>
    <definedName name="_xlnm.Print_Area" localSheetId="1">'利用申込書 (裏)'!$A$1:$CR$138</definedName>
    <definedName name="_xlnm.Print_Area" localSheetId="0">'利用申込書（表）'!$A$1:$CT$133</definedName>
    <definedName name="価格">[1]Sheet1!$C:$C</definedName>
    <definedName name="金額">[1]Sheet1!$E:$E</definedName>
    <definedName name="個数">[1]Sheet1!$D:$D</definedName>
    <definedName name="消費税率">[1]Sheet1!$F$1</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23" uniqueCount="193">
  <si>
    <t>施設型給付費・地域型保育給付費等</t>
    <rPh sb="0" eb="2">
      <t>シセツ</t>
    </rPh>
    <rPh sb="2" eb="3">
      <t>ガタ</t>
    </rPh>
    <rPh sb="3" eb="6">
      <t>キュウフヒ</t>
    </rPh>
    <rPh sb="7" eb="9">
      <t>チイキ</t>
    </rPh>
    <rPh sb="9" eb="10">
      <t>ガタ</t>
    </rPh>
    <rPh sb="10" eb="12">
      <t>ホイク</t>
    </rPh>
    <rPh sb="12" eb="15">
      <t>キュウフヒ</t>
    </rPh>
    <rPh sb="15" eb="16">
      <t>トウ</t>
    </rPh>
    <phoneticPr fontId="3"/>
  </si>
  <si>
    <t>　教育・保育給付認定申請書 兼 利用申込書</t>
    <rPh sb="1" eb="3">
      <t>キョウイク</t>
    </rPh>
    <rPh sb="4" eb="6">
      <t>ホイク</t>
    </rPh>
    <rPh sb="6" eb="8">
      <t>キュウフ</t>
    </rPh>
    <rPh sb="14" eb="15">
      <t>ケン</t>
    </rPh>
    <rPh sb="16" eb="18">
      <t>リヨウ</t>
    </rPh>
    <rPh sb="18" eb="21">
      <t>モウシコミショ</t>
    </rPh>
    <phoneticPr fontId="3"/>
  </si>
  <si>
    <t>　沖縄市長　様</t>
    <rPh sb="1" eb="3">
      <t>オキナワ</t>
    </rPh>
    <rPh sb="3" eb="5">
      <t>シチョウ</t>
    </rPh>
    <rPh sb="4" eb="5">
      <t>チョウ</t>
    </rPh>
    <rPh sb="6" eb="7">
      <t>サマ</t>
    </rPh>
    <phoneticPr fontId="3"/>
  </si>
  <si>
    <t xml:space="preserve">  　　  　年　  　月　  　日</t>
    <phoneticPr fontId="3"/>
  </si>
  <si>
    <t>保護者氏名　　　　　　　　　　　　　　</t>
    <rPh sb="0" eb="3">
      <t>ホゴシャ</t>
    </rPh>
    <rPh sb="3" eb="5">
      <t>シメイ</t>
    </rPh>
    <phoneticPr fontId="3"/>
  </si>
  <si>
    <t>次のとおり、施設型給付費・地域型保育給付費等にかかる認定申請と利用申請を併せて行います。</t>
    <rPh sb="0" eb="1">
      <t>ツギ</t>
    </rPh>
    <rPh sb="6" eb="8">
      <t>シセツ</t>
    </rPh>
    <rPh sb="8" eb="9">
      <t>ガタ</t>
    </rPh>
    <rPh sb="9" eb="12">
      <t>キュウフヒ</t>
    </rPh>
    <rPh sb="13" eb="16">
      <t>チイキガタ</t>
    </rPh>
    <rPh sb="16" eb="18">
      <t>ホイク</t>
    </rPh>
    <rPh sb="18" eb="20">
      <t>キュウフ</t>
    </rPh>
    <rPh sb="20" eb="21">
      <t>ヒ</t>
    </rPh>
    <rPh sb="21" eb="22">
      <t>ナド</t>
    </rPh>
    <rPh sb="26" eb="28">
      <t>ニンテイ</t>
    </rPh>
    <rPh sb="28" eb="30">
      <t>シンセイ</t>
    </rPh>
    <rPh sb="31" eb="33">
      <t>リヨウ</t>
    </rPh>
    <rPh sb="33" eb="35">
      <t>シンセイ</t>
    </rPh>
    <rPh sb="36" eb="37">
      <t>アワ</t>
    </rPh>
    <rPh sb="39" eb="40">
      <t>オコナ</t>
    </rPh>
    <phoneticPr fontId="3"/>
  </si>
  <si>
    <t>区分</t>
    <rPh sb="0" eb="2">
      <t>クブン</t>
    </rPh>
    <phoneticPr fontId="3"/>
  </si>
  <si>
    <t>申請にかかる
小学校就学前
子   ど   も</t>
    <rPh sb="0" eb="2">
      <t>シンセイ</t>
    </rPh>
    <rPh sb="7" eb="9">
      <t>ショウガク</t>
    </rPh>
    <rPh sb="9" eb="10">
      <t>コウ</t>
    </rPh>
    <rPh sb="10" eb="13">
      <t>シュウガクマエ</t>
    </rPh>
    <rPh sb="14" eb="15">
      <t>コ</t>
    </rPh>
    <phoneticPr fontId="3"/>
  </si>
  <si>
    <t>(ふりがな)
氏　　名</t>
    <rPh sb="7" eb="8">
      <t>シ</t>
    </rPh>
    <rPh sb="10" eb="11">
      <t>ナ</t>
    </rPh>
    <phoneticPr fontId="3"/>
  </si>
  <si>
    <t>生 年 月 日</t>
    <rPh sb="0" eb="1">
      <t>セイ</t>
    </rPh>
    <rPh sb="2" eb="3">
      <t>ネン</t>
    </rPh>
    <rPh sb="4" eb="5">
      <t>ガツ</t>
    </rPh>
    <rPh sb="6" eb="7">
      <t>ニチ</t>
    </rPh>
    <phoneticPr fontId="3"/>
  </si>
  <si>
    <t>性　別</t>
    <rPh sb="0" eb="1">
      <t>セイ</t>
    </rPh>
    <rPh sb="2" eb="3">
      <t>ベツ</t>
    </rPh>
    <phoneticPr fontId="3"/>
  </si>
  <si>
    <t>　　　　　　 年　　　 月　　　 日</t>
    <rPh sb="7" eb="8">
      <t>ネン</t>
    </rPh>
    <rPh sb="12" eb="13">
      <t>ガツ</t>
    </rPh>
    <rPh sb="17" eb="18">
      <t>ニチ</t>
    </rPh>
    <phoneticPr fontId="3"/>
  </si>
  <si>
    <t>現　住　所</t>
    <rPh sb="0" eb="1">
      <t>ゲン</t>
    </rPh>
    <rPh sb="2" eb="3">
      <t>ジュウ</t>
    </rPh>
    <rPh sb="4" eb="5">
      <t>トコロ</t>
    </rPh>
    <phoneticPr fontId="3"/>
  </si>
  <si>
    <r>
      <rPr>
        <sz val="8"/>
        <rFont val="HGｺﾞｼｯｸM"/>
        <family val="3"/>
        <charset val="128"/>
      </rPr>
      <t>(１月１日時点の住所)　※現住所と異なる場合に記入してください。</t>
    </r>
    <r>
      <rPr>
        <sz val="9"/>
        <rFont val="HGｺﾞｼｯｸM"/>
        <family val="3"/>
        <charset val="128"/>
      </rPr>
      <t xml:space="preserve">
</t>
    </r>
    <rPh sb="2" eb="3">
      <t>ガツ</t>
    </rPh>
    <rPh sb="4" eb="5">
      <t>ニチ</t>
    </rPh>
    <rPh sb="5" eb="7">
      <t>ジテン</t>
    </rPh>
    <rPh sb="8" eb="10">
      <t>ジュウショ</t>
    </rPh>
    <rPh sb="13" eb="16">
      <t>ゲンジュウショ</t>
    </rPh>
    <rPh sb="17" eb="18">
      <t>コト</t>
    </rPh>
    <rPh sb="20" eb="22">
      <t>バアイ</t>
    </rPh>
    <rPh sb="23" eb="25">
      <t>キニュウ</t>
    </rPh>
    <phoneticPr fontId="3"/>
  </si>
  <si>
    <t>連　絡　先</t>
    <rPh sb="0" eb="1">
      <t>レン</t>
    </rPh>
    <rPh sb="2" eb="3">
      <t>ラク</t>
    </rPh>
    <rPh sb="4" eb="5">
      <t>セン</t>
    </rPh>
    <phoneticPr fontId="3"/>
  </si>
  <si>
    <r>
      <rPr>
        <sz val="9"/>
        <rFont val="HGｺﾞｼｯｸM"/>
        <family val="3"/>
        <charset val="128"/>
      </rPr>
      <t>(父携帯番号)</t>
    </r>
    <r>
      <rPr>
        <sz val="10"/>
        <rFont val="HGｺﾞｼｯｸM"/>
        <family val="3"/>
        <charset val="128"/>
      </rPr>
      <t>　　　　　　　- 　　　　　　　-</t>
    </r>
    <rPh sb="1" eb="2">
      <t>チチ</t>
    </rPh>
    <rPh sb="2" eb="4">
      <t>ケイタイ</t>
    </rPh>
    <rPh sb="4" eb="6">
      <t>バンゴウ</t>
    </rPh>
    <phoneticPr fontId="3"/>
  </si>
  <si>
    <r>
      <rPr>
        <sz val="9"/>
        <rFont val="HGｺﾞｼｯｸM"/>
        <family val="3"/>
        <charset val="128"/>
      </rPr>
      <t>(母携帯番号)</t>
    </r>
    <r>
      <rPr>
        <sz val="10"/>
        <rFont val="HGｺﾞｼｯｸM"/>
        <family val="3"/>
        <charset val="128"/>
      </rPr>
      <t>　　　　　　- 　　　　　　　-</t>
    </r>
    <rPh sb="1" eb="2">
      <t>ハハ</t>
    </rPh>
    <rPh sb="2" eb="4">
      <t>ケイタイ</t>
    </rPh>
    <rPh sb="4" eb="6">
      <t>バンゴウ</t>
    </rPh>
    <phoneticPr fontId="3"/>
  </si>
  <si>
    <t>父</t>
    <rPh sb="0" eb="1">
      <t>チチ</t>
    </rPh>
    <phoneticPr fontId="3"/>
  </si>
  <si>
    <t>(勤務先名称)</t>
    <rPh sb="1" eb="4">
      <t>キンムサキ</t>
    </rPh>
    <rPh sb="4" eb="6">
      <t>メイショウ</t>
    </rPh>
    <phoneticPr fontId="3"/>
  </si>
  <si>
    <t>(勤務先番号)　　　　　　　- 　　　　　　　 -</t>
    <rPh sb="1" eb="4">
      <t>キンムサキ</t>
    </rPh>
    <rPh sb="4" eb="6">
      <t>バンゴウ</t>
    </rPh>
    <phoneticPr fontId="3"/>
  </si>
  <si>
    <t>母</t>
    <rPh sb="0" eb="1">
      <t>ハハ</t>
    </rPh>
    <phoneticPr fontId="3"/>
  </si>
  <si>
    <t>保育を必要とする理由</t>
    <rPh sb="0" eb="2">
      <t>ホイク</t>
    </rPh>
    <rPh sb="3" eb="5">
      <t>ヒツヨウ</t>
    </rPh>
    <rPh sb="8" eb="10">
      <t>リユウ</t>
    </rPh>
    <phoneticPr fontId="3"/>
  </si>
  <si>
    <t>申請児童の保育状況</t>
    <phoneticPr fontId="3"/>
  </si>
  <si>
    <t>希 望 施 設 名</t>
    <rPh sb="0" eb="1">
      <t>キ</t>
    </rPh>
    <rPh sb="2" eb="3">
      <t>ボウ</t>
    </rPh>
    <rPh sb="4" eb="5">
      <t>シ</t>
    </rPh>
    <rPh sb="6" eb="7">
      <t>セツ</t>
    </rPh>
    <rPh sb="8" eb="9">
      <t>メイ</t>
    </rPh>
    <phoneticPr fontId="3"/>
  </si>
  <si>
    <t>第１希望</t>
    <rPh sb="0" eb="1">
      <t>ダイ</t>
    </rPh>
    <rPh sb="2" eb="4">
      <t>キボウ</t>
    </rPh>
    <phoneticPr fontId="3"/>
  </si>
  <si>
    <t>第６希望</t>
    <rPh sb="0" eb="1">
      <t>ダイ</t>
    </rPh>
    <rPh sb="2" eb="4">
      <t>キボウ</t>
    </rPh>
    <phoneticPr fontId="3"/>
  </si>
  <si>
    <t>第２希望</t>
    <rPh sb="0" eb="1">
      <t>ダイ</t>
    </rPh>
    <rPh sb="2" eb="4">
      <t>キボウ</t>
    </rPh>
    <phoneticPr fontId="3"/>
  </si>
  <si>
    <t>第７希望</t>
    <rPh sb="0" eb="1">
      <t>ダイ</t>
    </rPh>
    <rPh sb="2" eb="4">
      <t>キボウ</t>
    </rPh>
    <phoneticPr fontId="3"/>
  </si>
  <si>
    <t>第３希望</t>
    <rPh sb="0" eb="1">
      <t>ダイ</t>
    </rPh>
    <rPh sb="2" eb="4">
      <t>キボウ</t>
    </rPh>
    <phoneticPr fontId="3"/>
  </si>
  <si>
    <t>第８希望</t>
    <rPh sb="0" eb="1">
      <t>ダイ</t>
    </rPh>
    <rPh sb="2" eb="4">
      <t>キボウ</t>
    </rPh>
    <phoneticPr fontId="3"/>
  </si>
  <si>
    <t>第４希望</t>
    <rPh sb="0" eb="1">
      <t>ダイ</t>
    </rPh>
    <rPh sb="2" eb="4">
      <t>キボウ</t>
    </rPh>
    <phoneticPr fontId="3"/>
  </si>
  <si>
    <t>第９希望</t>
    <rPh sb="0" eb="1">
      <t>ダイ</t>
    </rPh>
    <rPh sb="2" eb="4">
      <t>キボウ</t>
    </rPh>
    <phoneticPr fontId="3"/>
  </si>
  <si>
    <t>第５希望</t>
    <rPh sb="0" eb="1">
      <t>ダイ</t>
    </rPh>
    <rPh sb="2" eb="4">
      <t>キボウ</t>
    </rPh>
    <phoneticPr fontId="3"/>
  </si>
  <si>
    <t>第１０希望</t>
    <rPh sb="0" eb="1">
      <t>ダイ</t>
    </rPh>
    <rPh sb="3" eb="5">
      <t>キボウ</t>
    </rPh>
    <phoneticPr fontId="3"/>
  </si>
  <si>
    <t>発達支援保育
申請の有無</t>
    <rPh sb="0" eb="2">
      <t>ハッタツ</t>
    </rPh>
    <rPh sb="2" eb="4">
      <t>シエン</t>
    </rPh>
    <rPh sb="4" eb="6">
      <t>ホイク</t>
    </rPh>
    <rPh sb="7" eb="9">
      <t>シンセイ</t>
    </rPh>
    <rPh sb="10" eb="12">
      <t>ウム</t>
    </rPh>
    <phoneticPr fontId="3"/>
  </si>
  <si>
    <r>
      <rPr>
        <b/>
        <sz val="10"/>
        <rFont val="HGｺﾞｼｯｸM"/>
        <family val="3"/>
        <charset val="128"/>
      </rPr>
      <t>幼稚園</t>
    </r>
    <r>
      <rPr>
        <sz val="10"/>
        <rFont val="HGｺﾞｼｯｸM"/>
        <family val="3"/>
        <charset val="128"/>
      </rPr>
      <t>の特別支援
申請の有無</t>
    </r>
    <rPh sb="0" eb="3">
      <t>ヨウチエン</t>
    </rPh>
    <rPh sb="4" eb="6">
      <t>トクベツ</t>
    </rPh>
    <rPh sb="6" eb="8">
      <t>シエン</t>
    </rPh>
    <rPh sb="9" eb="11">
      <t>シンセイ</t>
    </rPh>
    <rPh sb="12" eb="14">
      <t>ウム</t>
    </rPh>
    <phoneticPr fontId="3"/>
  </si>
  <si>
    <t xml:space="preserve">  発達支援保育・
特別な支援 
申 請 理 由</t>
    <rPh sb="2" eb="4">
      <t>ハッタツ</t>
    </rPh>
    <rPh sb="4" eb="6">
      <t>シエン</t>
    </rPh>
    <rPh sb="6" eb="8">
      <t>ホイク</t>
    </rPh>
    <rPh sb="10" eb="12">
      <t>トクベツ</t>
    </rPh>
    <rPh sb="13" eb="15">
      <t>シエン</t>
    </rPh>
    <rPh sb="17" eb="18">
      <t>シン</t>
    </rPh>
    <rPh sb="19" eb="20">
      <t>ショウ</t>
    </rPh>
    <rPh sb="21" eb="22">
      <t>オサム</t>
    </rPh>
    <rPh sb="23" eb="24">
      <t>ヨシ</t>
    </rPh>
    <phoneticPr fontId="3"/>
  </si>
  <si>
    <t>（例:疾患があるため,等）</t>
    <rPh sb="1" eb="2">
      <t>レイ</t>
    </rPh>
    <rPh sb="3" eb="5">
      <t>シッカン</t>
    </rPh>
    <rPh sb="11" eb="12">
      <t>トウ</t>
    </rPh>
    <phoneticPr fontId="3"/>
  </si>
  <si>
    <t xml:space="preserve">       ※発達支援保育は、治療や訓練、1対1の保育ではなく、集団保育可能な子に心身の発達を促す丁寧な保育です。</t>
    <phoneticPr fontId="3"/>
  </si>
  <si>
    <t>利用希望期間</t>
    <rPh sb="0" eb="2">
      <t>リヨウ</t>
    </rPh>
    <rPh sb="2" eb="4">
      <t>キボウ</t>
    </rPh>
    <rPh sb="4" eb="6">
      <t>キカン</t>
    </rPh>
    <phoneticPr fontId="3"/>
  </si>
  <si>
    <t>育休延長の可否</t>
    <rPh sb="0" eb="2">
      <t>イクキュウ</t>
    </rPh>
    <rPh sb="2" eb="4">
      <t>エンチョウ</t>
    </rPh>
    <rPh sb="5" eb="7">
      <t>カヒ</t>
    </rPh>
    <phoneticPr fontId="3"/>
  </si>
  <si>
    <r>
      <t>②児童の発育状況</t>
    </r>
    <r>
      <rPr>
        <sz val="10"/>
        <rFont val="HGｺﾞｼｯｸM"/>
        <family val="3"/>
        <charset val="128"/>
      </rPr>
      <t xml:space="preserve">（該当する項目に </t>
    </r>
    <r>
      <rPr>
        <sz val="10"/>
        <rFont val="Segoe UI Symbol"/>
        <family val="3"/>
      </rPr>
      <t>☑</t>
    </r>
    <r>
      <rPr>
        <sz val="10"/>
        <rFont val="Tahoma"/>
        <family val="3"/>
      </rPr>
      <t xml:space="preserve"> </t>
    </r>
    <r>
      <rPr>
        <sz val="10"/>
        <rFont val="HGｺﾞｼｯｸM"/>
        <family val="3"/>
        <charset val="128"/>
      </rPr>
      <t>をつけてください。 ）</t>
    </r>
    <rPh sb="1" eb="3">
      <t>ジドウ</t>
    </rPh>
    <rPh sb="4" eb="6">
      <t>ハツイク</t>
    </rPh>
    <rPh sb="6" eb="8">
      <t>ジョウキョウ</t>
    </rPh>
    <phoneticPr fontId="3"/>
  </si>
  <si>
    <r>
      <t>③世帯状況</t>
    </r>
    <r>
      <rPr>
        <sz val="10"/>
        <rFont val="HGｺﾞｼｯｸM"/>
        <family val="3"/>
        <charset val="128"/>
      </rPr>
      <t xml:space="preserve">（該当する項目に </t>
    </r>
    <r>
      <rPr>
        <sz val="10"/>
        <rFont val="Segoe UI Symbol"/>
        <family val="3"/>
      </rPr>
      <t>☑</t>
    </r>
    <r>
      <rPr>
        <sz val="10"/>
        <rFont val="Tahoma"/>
        <family val="3"/>
      </rPr>
      <t xml:space="preserve"> </t>
    </r>
    <r>
      <rPr>
        <sz val="10"/>
        <rFont val="HGｺﾞｼｯｸM"/>
        <family val="3"/>
        <charset val="128"/>
      </rPr>
      <t>をつけてください。 ）</t>
    </r>
    <rPh sb="1" eb="3">
      <t>セタイ</t>
    </rPh>
    <rPh sb="3" eb="5">
      <t>ジョウキョウ</t>
    </rPh>
    <phoneticPr fontId="3"/>
  </si>
  <si>
    <t>発育状況</t>
    <rPh sb="0" eb="2">
      <t>ハツイク</t>
    </rPh>
    <rPh sb="2" eb="4">
      <t>ジョウキョウ</t>
    </rPh>
    <phoneticPr fontId="3"/>
  </si>
  <si>
    <t>世帯状況</t>
    <phoneticPr fontId="3"/>
  </si>
  <si>
    <r>
      <t>④家庭の状況</t>
    </r>
    <r>
      <rPr>
        <sz val="10"/>
        <rFont val="HGｺﾞｼｯｸM"/>
        <family val="3"/>
        <charset val="128"/>
      </rPr>
      <t xml:space="preserve"> (続柄、性別、同居・別居など該当する項目に </t>
    </r>
    <r>
      <rPr>
        <sz val="10"/>
        <rFont val="Segoe UI Symbol"/>
        <family val="3"/>
      </rPr>
      <t>☑</t>
    </r>
    <r>
      <rPr>
        <sz val="10"/>
        <rFont val="Tahoma"/>
        <family val="3"/>
      </rPr>
      <t xml:space="preserve"> </t>
    </r>
    <r>
      <rPr>
        <sz val="10"/>
        <rFont val="HGｺﾞｼｯｸM"/>
        <family val="3"/>
        <charset val="128"/>
      </rPr>
      <t>をつけて下さい。)</t>
    </r>
    <rPh sb="8" eb="10">
      <t>ゾクガラ</t>
    </rPh>
    <rPh sb="11" eb="13">
      <t>セイベツ</t>
    </rPh>
    <rPh sb="21" eb="23">
      <t>ガイトウ</t>
    </rPh>
    <rPh sb="25" eb="27">
      <t>コウモク</t>
    </rPh>
    <rPh sb="35" eb="36">
      <t>クダ</t>
    </rPh>
    <phoneticPr fontId="3"/>
  </si>
  <si>
    <t>(ふりがな)</t>
    <phoneticPr fontId="3"/>
  </si>
  <si>
    <t>申込児童
との続柄</t>
    <rPh sb="0" eb="2">
      <t>モウシコミ</t>
    </rPh>
    <rPh sb="2" eb="4">
      <t>ジドウ</t>
    </rPh>
    <rPh sb="7" eb="9">
      <t>ゾクガラ</t>
    </rPh>
    <phoneticPr fontId="3"/>
  </si>
  <si>
    <t>性別</t>
    <rPh sb="0" eb="2">
      <t>セイベツ</t>
    </rPh>
    <phoneticPr fontId="3"/>
  </si>
  <si>
    <t>職種・
学校名等</t>
    <rPh sb="0" eb="2">
      <t>ショクシュ</t>
    </rPh>
    <rPh sb="4" eb="6">
      <t>ガッコウ</t>
    </rPh>
    <rPh sb="6" eb="7">
      <t>メイ</t>
    </rPh>
    <rPh sb="7" eb="8">
      <t>ナド</t>
    </rPh>
    <phoneticPr fontId="3"/>
  </si>
  <si>
    <t>居住
状況</t>
    <phoneticPr fontId="3"/>
  </si>
  <si>
    <t>氏　　名</t>
    <phoneticPr fontId="3"/>
  </si>
  <si>
    <t>児童の世帯員</t>
    <rPh sb="0" eb="2">
      <t>ジドウ</t>
    </rPh>
    <rPh sb="3" eb="6">
      <t>セタイイン</t>
    </rPh>
    <phoneticPr fontId="3"/>
  </si>
  <si>
    <t>⑤兄弟姉妹の申込・利用状況</t>
    <phoneticPr fontId="3"/>
  </si>
  <si>
    <t>兄弟姉妹の　　申込・利用状況</t>
    <rPh sb="0" eb="2">
      <t>キョウダイ</t>
    </rPh>
    <rPh sb="2" eb="4">
      <t>シマイ</t>
    </rPh>
    <rPh sb="7" eb="9">
      <t>モウシコミ</t>
    </rPh>
    <rPh sb="10" eb="12">
      <t>リヨウ</t>
    </rPh>
    <rPh sb="12" eb="14">
      <t>ジョウキョウ</t>
    </rPh>
    <phoneticPr fontId="3"/>
  </si>
  <si>
    <r>
      <t>⑥兄弟姉妹の利用に関する確認事項</t>
    </r>
    <r>
      <rPr>
        <sz val="11"/>
        <rFont val="HGｺﾞｼｯｸM"/>
        <family val="3"/>
        <charset val="128"/>
      </rPr>
      <t xml:space="preserve">(該当する項目に </t>
    </r>
    <r>
      <rPr>
        <sz val="11"/>
        <rFont val="Segoe UI Symbol"/>
        <family val="3"/>
      </rPr>
      <t>☑</t>
    </r>
    <r>
      <rPr>
        <sz val="11"/>
        <rFont val="Tahoma"/>
        <family val="3"/>
      </rPr>
      <t xml:space="preserve"> </t>
    </r>
    <r>
      <rPr>
        <sz val="11"/>
        <rFont val="HGｺﾞｼｯｸM"/>
        <family val="3"/>
        <charset val="128"/>
      </rPr>
      <t>をつけてください)</t>
    </r>
    <rPh sb="1" eb="5">
      <t>ケイテイシマイ</t>
    </rPh>
    <phoneticPr fontId="3"/>
  </si>
  <si>
    <t>　※きょうだい児で申込をする方は、記載して下さい。記載内容を基に調整いたします。</t>
    <rPh sb="7" eb="8">
      <t>ジ</t>
    </rPh>
    <rPh sb="9" eb="11">
      <t>モウシコミ</t>
    </rPh>
    <rPh sb="14" eb="15">
      <t>カタ</t>
    </rPh>
    <rPh sb="17" eb="19">
      <t>キサイ</t>
    </rPh>
    <rPh sb="21" eb="22">
      <t>クダ</t>
    </rPh>
    <rPh sb="25" eb="29">
      <t>キサイナイヨウ</t>
    </rPh>
    <rPh sb="30" eb="31">
      <t>モト</t>
    </rPh>
    <rPh sb="32" eb="34">
      <t>チョウセイ</t>
    </rPh>
    <phoneticPr fontId="3"/>
  </si>
  <si>
    <t>(注意事項)</t>
    <rPh sb="1" eb="3">
      <t>チュウイ</t>
    </rPh>
    <rPh sb="3" eb="5">
      <t>ジコウ</t>
    </rPh>
    <phoneticPr fontId="3"/>
  </si>
  <si>
    <t>☆ 認定証発行をご希望の方は、沖縄市役所 保育・幼稚園課までお問い合わせください。</t>
    <rPh sb="2" eb="5">
      <t>ニンテイショウ</t>
    </rPh>
    <rPh sb="5" eb="7">
      <t>ハッコウ</t>
    </rPh>
    <rPh sb="9" eb="11">
      <t>キボウ</t>
    </rPh>
    <rPh sb="12" eb="13">
      <t>カタ</t>
    </rPh>
    <rPh sb="15" eb="20">
      <t>オキナワシヤクショ</t>
    </rPh>
    <rPh sb="21" eb="23">
      <t>ホイク</t>
    </rPh>
    <rPh sb="24" eb="27">
      <t>ヨウチエン</t>
    </rPh>
    <rPh sb="27" eb="28">
      <t>カ</t>
    </rPh>
    <rPh sb="31" eb="32">
      <t>ト</t>
    </rPh>
    <rPh sb="33" eb="34">
      <t>ア</t>
    </rPh>
    <phoneticPr fontId="3"/>
  </si>
  <si>
    <t>☆ 記入上の注意をよく読んで、記入してください。</t>
    <rPh sb="2" eb="4">
      <t>キニュウ</t>
    </rPh>
    <rPh sb="4" eb="5">
      <t>ジョウ</t>
    </rPh>
    <rPh sb="6" eb="8">
      <t>チュウイ</t>
    </rPh>
    <rPh sb="11" eb="12">
      <t>ヨ</t>
    </rPh>
    <rPh sb="15" eb="17">
      <t>キニュウ</t>
    </rPh>
    <phoneticPr fontId="3"/>
  </si>
  <si>
    <r>
      <t xml:space="preserve">☆ </t>
    </r>
    <r>
      <rPr>
        <u val="double"/>
        <sz val="12"/>
        <rFont val="HGｺﾞｼｯｸM"/>
        <family val="3"/>
        <charset val="128"/>
      </rPr>
      <t>記入内容が事実と異なる場合、施設の利用ができなくなる場合があります。</t>
    </r>
    <rPh sb="2" eb="4">
      <t>キニュウ</t>
    </rPh>
    <rPh sb="4" eb="6">
      <t>ナイヨウ</t>
    </rPh>
    <rPh sb="7" eb="9">
      <t>ジジツ</t>
    </rPh>
    <rPh sb="10" eb="11">
      <t>コト</t>
    </rPh>
    <rPh sb="13" eb="15">
      <t>バアイ</t>
    </rPh>
    <rPh sb="16" eb="18">
      <t>シセツ</t>
    </rPh>
    <rPh sb="19" eb="21">
      <t>リヨウ</t>
    </rPh>
    <rPh sb="28" eb="30">
      <t>バアイ</t>
    </rPh>
    <phoneticPr fontId="3"/>
  </si>
  <si>
    <t>記　入　上　の　注　意</t>
    <rPh sb="0" eb="1">
      <t>キ</t>
    </rPh>
    <rPh sb="2" eb="3">
      <t>ニュウ</t>
    </rPh>
    <rPh sb="4" eb="5">
      <t>ジョウ</t>
    </rPh>
    <rPh sb="8" eb="9">
      <t>チュウ</t>
    </rPh>
    <rPh sb="10" eb="11">
      <t>イ</t>
    </rPh>
    <phoneticPr fontId="3"/>
  </si>
  <si>
    <t>　　　　　この申請書は、保護者が次の点に注意し記入の上、沖縄市役所保育・幼稚園課（施設を経由して提出する場合は、</t>
    <rPh sb="7" eb="10">
      <t>シンセイショ</t>
    </rPh>
    <rPh sb="12" eb="15">
      <t>ホゴシャ</t>
    </rPh>
    <rPh sb="16" eb="17">
      <t>ツギ</t>
    </rPh>
    <rPh sb="18" eb="19">
      <t>テン</t>
    </rPh>
    <rPh sb="20" eb="22">
      <t>チュウイ</t>
    </rPh>
    <rPh sb="23" eb="25">
      <t>キニュウ</t>
    </rPh>
    <rPh sb="26" eb="27">
      <t>ウエ</t>
    </rPh>
    <rPh sb="28" eb="33">
      <t>オキナワシヤクショ</t>
    </rPh>
    <rPh sb="33" eb="35">
      <t>ホイク</t>
    </rPh>
    <rPh sb="36" eb="39">
      <t>ヨウチエン</t>
    </rPh>
    <rPh sb="39" eb="40">
      <t>カ</t>
    </rPh>
    <rPh sb="41" eb="43">
      <t>シセツ</t>
    </rPh>
    <rPh sb="44" eb="46">
      <t>ケイユ</t>
    </rPh>
    <phoneticPr fontId="3"/>
  </si>
  <si>
    <t>　　　　利用を申し込んだ施設）に提出してください。なお、その世帯から２人以上の児童が申請を行う場合は、</t>
    <rPh sb="4" eb="6">
      <t>リヨウ</t>
    </rPh>
    <rPh sb="7" eb="8">
      <t>モウ</t>
    </rPh>
    <rPh sb="9" eb="10">
      <t>コ</t>
    </rPh>
    <rPh sb="12" eb="14">
      <t>シセツ</t>
    </rPh>
    <rPh sb="16" eb="18">
      <t>テイシュツ</t>
    </rPh>
    <rPh sb="30" eb="32">
      <t>セタイ</t>
    </rPh>
    <phoneticPr fontId="3"/>
  </si>
  <si>
    <t>　　　　それぞれお子さんごとに申請書を提出してください。</t>
    <rPh sb="15" eb="18">
      <t>シンセイショ</t>
    </rPh>
    <rPh sb="19" eb="21">
      <t>テイシュツ</t>
    </rPh>
    <phoneticPr fontId="3"/>
  </si>
  <si>
    <t>１「申請に係る小学校就学前子ども」欄は「氏名」にふりがなを付し、「生年月日」を記入し、「性別」の欄は該当するものを</t>
    <rPh sb="2" eb="4">
      <t>シンセイ</t>
    </rPh>
    <rPh sb="5" eb="6">
      <t>カカ</t>
    </rPh>
    <rPh sb="7" eb="10">
      <t>ショウガッコウ</t>
    </rPh>
    <rPh sb="10" eb="13">
      <t>シュウガクマエ</t>
    </rPh>
    <rPh sb="13" eb="14">
      <t>コ</t>
    </rPh>
    <rPh sb="17" eb="18">
      <t>ラン</t>
    </rPh>
    <rPh sb="20" eb="22">
      <t>シメイ</t>
    </rPh>
    <rPh sb="29" eb="30">
      <t>フ</t>
    </rPh>
    <rPh sb="33" eb="35">
      <t>セイネン</t>
    </rPh>
    <rPh sb="35" eb="37">
      <t>ガッピ</t>
    </rPh>
    <rPh sb="39" eb="41">
      <t>キニュウ</t>
    </rPh>
    <phoneticPr fontId="3"/>
  </si>
  <si>
    <t>　　○で囲んで下さい。</t>
    <rPh sb="4" eb="5">
      <t>カコ</t>
    </rPh>
    <rPh sb="7" eb="8">
      <t>クダ</t>
    </rPh>
    <phoneticPr fontId="3"/>
  </si>
  <si>
    <t>２「保育の利用を必要とする理由など」の欄は、保育所（園）のみ希望する場合または、保育所（園）と公立幼稚園の</t>
    <rPh sb="2" eb="4">
      <t>ホイク</t>
    </rPh>
    <rPh sb="5" eb="7">
      <t>リヨウ</t>
    </rPh>
    <rPh sb="8" eb="10">
      <t>ヒツヨウ</t>
    </rPh>
    <rPh sb="13" eb="15">
      <t>リユウ</t>
    </rPh>
    <rPh sb="19" eb="20">
      <t>ラン</t>
    </rPh>
    <rPh sb="22" eb="24">
      <t>ホイク</t>
    </rPh>
    <rPh sb="24" eb="25">
      <t>ショ</t>
    </rPh>
    <rPh sb="26" eb="27">
      <t>エン</t>
    </rPh>
    <rPh sb="30" eb="32">
      <t>キボウ</t>
    </rPh>
    <rPh sb="34" eb="36">
      <t>バアイ</t>
    </rPh>
    <rPh sb="40" eb="42">
      <t>ホイク</t>
    </rPh>
    <rPh sb="42" eb="43">
      <t>ショ</t>
    </rPh>
    <rPh sb="44" eb="45">
      <t>エン</t>
    </rPh>
    <phoneticPr fontId="3"/>
  </si>
  <si>
    <t>　 預かり保育を併願する場合に記入して下さい。</t>
    <rPh sb="15" eb="17">
      <t>キニュウ</t>
    </rPh>
    <rPh sb="19" eb="20">
      <t>クダ</t>
    </rPh>
    <phoneticPr fontId="3"/>
  </si>
  <si>
    <t>10 令和４年１月１日時点、令和５年１月１日時点で市外に居住の方は、保育料の算定に用いる市町村民税の確認のため、</t>
    <rPh sb="3" eb="4">
      <t>レイ</t>
    </rPh>
    <rPh sb="4" eb="5">
      <t>ワ</t>
    </rPh>
    <rPh sb="6" eb="7">
      <t>ネン</t>
    </rPh>
    <rPh sb="8" eb="9">
      <t>ガツ</t>
    </rPh>
    <rPh sb="10" eb="11">
      <t>ニチ</t>
    </rPh>
    <rPh sb="11" eb="13">
      <t>ジテン</t>
    </rPh>
    <rPh sb="14" eb="16">
      <t>レイワ</t>
    </rPh>
    <rPh sb="17" eb="18">
      <t>ネン</t>
    </rPh>
    <rPh sb="19" eb="20">
      <t>ガツ</t>
    </rPh>
    <rPh sb="21" eb="22">
      <t>ニチ</t>
    </rPh>
    <rPh sb="22" eb="24">
      <t>ジテン</t>
    </rPh>
    <rPh sb="25" eb="27">
      <t>シガイ</t>
    </rPh>
    <rPh sb="28" eb="30">
      <t>キョジュウ</t>
    </rPh>
    <rPh sb="31" eb="32">
      <t>カタ</t>
    </rPh>
    <rPh sb="34" eb="36">
      <t>ホイク</t>
    </rPh>
    <rPh sb="36" eb="37">
      <t>リョウ</t>
    </rPh>
    <rPh sb="38" eb="40">
      <t>サンテイ</t>
    </rPh>
    <rPh sb="41" eb="42">
      <t>モチ</t>
    </rPh>
    <rPh sb="44" eb="47">
      <t>シチョウソン</t>
    </rPh>
    <rPh sb="47" eb="48">
      <t>ミン</t>
    </rPh>
    <phoneticPr fontId="3"/>
  </si>
  <si>
    <t>　 課税証明書または右ページへのマイナンバー（個人番号）を記載が必要になる場合があります。</t>
    <rPh sb="2" eb="4">
      <t>カゼイ</t>
    </rPh>
    <rPh sb="4" eb="6">
      <t>ショウメイ</t>
    </rPh>
    <rPh sb="6" eb="7">
      <t>ショ</t>
    </rPh>
    <rPh sb="10" eb="11">
      <t>ミギ</t>
    </rPh>
    <rPh sb="23" eb="25">
      <t>コジン</t>
    </rPh>
    <rPh sb="25" eb="27">
      <t>バンゴウ</t>
    </rPh>
    <rPh sb="32" eb="34">
      <t>ヒツヨウ</t>
    </rPh>
    <phoneticPr fontId="3"/>
  </si>
  <si>
    <t>同　意　書</t>
    <rPh sb="0" eb="1">
      <t>ドウ</t>
    </rPh>
    <rPh sb="2" eb="3">
      <t>イ</t>
    </rPh>
    <rPh sb="4" eb="5">
      <t>ショ</t>
    </rPh>
    <phoneticPr fontId="3"/>
  </si>
  <si>
    <t>１．個人情報の利用目的</t>
    <rPh sb="2" eb="4">
      <t>コジン</t>
    </rPh>
    <rPh sb="4" eb="6">
      <t>ジョウホウ</t>
    </rPh>
    <rPh sb="7" eb="9">
      <t>リヨウ</t>
    </rPh>
    <rPh sb="9" eb="11">
      <t>モクテキ</t>
    </rPh>
    <phoneticPr fontId="3"/>
  </si>
  <si>
    <t>　市町村長(以下、「沖縄市長」)は、同意者の個人情報を申請児童に係る認定証交付、利用調整事務、保育料の決定・徴収事務のために利用する。なお、収集した個人情報については厳正に管理を行い、この目的以外には利用しないこととする。</t>
    <rPh sb="1" eb="4">
      <t>シチョウソン</t>
    </rPh>
    <rPh sb="6" eb="8">
      <t>イカ</t>
    </rPh>
    <rPh sb="10" eb="12">
      <t>オキナワ</t>
    </rPh>
    <rPh sb="12" eb="13">
      <t>シ</t>
    </rPh>
    <rPh sb="18" eb="20">
      <t>ドウイ</t>
    </rPh>
    <rPh sb="20" eb="21">
      <t>シャ</t>
    </rPh>
    <rPh sb="22" eb="24">
      <t>コジン</t>
    </rPh>
    <rPh sb="24" eb="26">
      <t>ジョウホウ</t>
    </rPh>
    <rPh sb="27" eb="29">
      <t>シンセイ</t>
    </rPh>
    <rPh sb="29" eb="31">
      <t>ジドウ</t>
    </rPh>
    <rPh sb="32" eb="33">
      <t>カカ</t>
    </rPh>
    <rPh sb="34" eb="37">
      <t>ニンテイショウ</t>
    </rPh>
    <rPh sb="37" eb="39">
      <t>コウフ</t>
    </rPh>
    <rPh sb="40" eb="42">
      <t>リヨウ</t>
    </rPh>
    <rPh sb="42" eb="44">
      <t>チョウセイ</t>
    </rPh>
    <rPh sb="44" eb="46">
      <t>ジム</t>
    </rPh>
    <rPh sb="47" eb="49">
      <t>ホイク</t>
    </rPh>
    <rPh sb="49" eb="50">
      <t>リョウ</t>
    </rPh>
    <rPh sb="51" eb="53">
      <t>ケッテイ</t>
    </rPh>
    <rPh sb="54" eb="56">
      <t>チョウシュウ</t>
    </rPh>
    <rPh sb="56" eb="57">
      <t>コト</t>
    </rPh>
    <rPh sb="57" eb="58">
      <t>ム</t>
    </rPh>
    <rPh sb="62" eb="64">
      <t>リヨウ</t>
    </rPh>
    <rPh sb="70" eb="72">
      <t>シュウシュウ</t>
    </rPh>
    <rPh sb="74" eb="76">
      <t>コジン</t>
    </rPh>
    <rPh sb="76" eb="78">
      <t>ジョウホウ</t>
    </rPh>
    <rPh sb="83" eb="85">
      <t>ゲンセイ</t>
    </rPh>
    <rPh sb="86" eb="88">
      <t>カンリ</t>
    </rPh>
    <rPh sb="89" eb="90">
      <t>オコナ</t>
    </rPh>
    <rPh sb="94" eb="96">
      <t>モクテキ</t>
    </rPh>
    <rPh sb="96" eb="98">
      <t>イガイ</t>
    </rPh>
    <rPh sb="100" eb="102">
      <t>リヨウ</t>
    </rPh>
    <phoneticPr fontId="3"/>
  </si>
  <si>
    <t>※子ども・子育て支援法（参考）
　第12条　市町村は、偽りその他不正の手段により子どものための教育・保育給付を受けた者があるときは、その者から、その子どものための
　　　　　教育・保育給付の額に相当する金額の全部又は一部を徴収することができる。
　第16条　市町村は、子どものための教育・保育給付に関して必要があると認めるときは、この法律の施行に必要な限度において、小学校就学前
　　　　　子ども、小学校就学前子どもの保護者又は小学校就学前子どもの扶養義務者（民法（明治29年法律第89号）に規定する扶養義務者をい
　　　　　う。附則第6条において同じ。）の資産又は収入の状況につき、官公署に対し必要な文書の閲覧若しくは資料の提供を求め、又は銀行、
　　　　　信託会社その他の機関若しくは小学校就学前子どもの保護者の雇用主その他の関係人に報告を求めることができる。</t>
    <rPh sb="1" eb="2">
      <t>コ</t>
    </rPh>
    <rPh sb="5" eb="7">
      <t>コソダ</t>
    </rPh>
    <rPh sb="8" eb="10">
      <t>シエン</t>
    </rPh>
    <rPh sb="10" eb="11">
      <t>ホウ</t>
    </rPh>
    <rPh sb="12" eb="14">
      <t>サンコウ</t>
    </rPh>
    <rPh sb="18" eb="19">
      <t>ダイ</t>
    </rPh>
    <rPh sb="21" eb="22">
      <t>ジョウ</t>
    </rPh>
    <rPh sb="23" eb="26">
      <t>シチョウソン</t>
    </rPh>
    <rPh sb="28" eb="29">
      <t>イツワ</t>
    </rPh>
    <rPh sb="32" eb="33">
      <t>タ</t>
    </rPh>
    <rPh sb="33" eb="35">
      <t>フセイ</t>
    </rPh>
    <rPh sb="36" eb="38">
      <t>シュダン</t>
    </rPh>
    <rPh sb="41" eb="42">
      <t>コ</t>
    </rPh>
    <rPh sb="48" eb="50">
      <t>キョウイク</t>
    </rPh>
    <rPh sb="51" eb="53">
      <t>ホイク</t>
    </rPh>
    <rPh sb="53" eb="55">
      <t>キュウフ</t>
    </rPh>
    <rPh sb="56" eb="57">
      <t>ウ</t>
    </rPh>
    <rPh sb="59" eb="60">
      <t>モノ</t>
    </rPh>
    <rPh sb="69" eb="70">
      <t>モノ</t>
    </rPh>
    <rPh sb="75" eb="76">
      <t>コ</t>
    </rPh>
    <rPh sb="88" eb="90">
      <t>キョウイク</t>
    </rPh>
    <rPh sb="91" eb="93">
      <t>ホイク</t>
    </rPh>
    <rPh sb="93" eb="95">
      <t>キュウフ</t>
    </rPh>
    <rPh sb="96" eb="97">
      <t>ガク</t>
    </rPh>
    <rPh sb="98" eb="100">
      <t>ソウトウ</t>
    </rPh>
    <rPh sb="102" eb="104">
      <t>キンガク</t>
    </rPh>
    <rPh sb="105" eb="107">
      <t>ゼンブ</t>
    </rPh>
    <rPh sb="107" eb="108">
      <t>マタ</t>
    </rPh>
    <rPh sb="109" eb="111">
      <t>イチブ</t>
    </rPh>
    <rPh sb="112" eb="114">
      <t>チョウシュウ</t>
    </rPh>
    <rPh sb="126" eb="127">
      <t>ダイ</t>
    </rPh>
    <rPh sb="129" eb="130">
      <t>ジョウ</t>
    </rPh>
    <rPh sb="131" eb="134">
      <t>シチョウソン</t>
    </rPh>
    <rPh sb="136" eb="137">
      <t>コ</t>
    </rPh>
    <rPh sb="143" eb="145">
      <t>キョウイク</t>
    </rPh>
    <rPh sb="146" eb="148">
      <t>ホイク</t>
    </rPh>
    <rPh sb="148" eb="150">
      <t>キュウフ</t>
    </rPh>
    <rPh sb="151" eb="152">
      <t>カン</t>
    </rPh>
    <rPh sb="154" eb="156">
      <t>ヒツヨウ</t>
    </rPh>
    <rPh sb="160" eb="161">
      <t>ミト</t>
    </rPh>
    <rPh sb="169" eb="171">
      <t>ホウリツ</t>
    </rPh>
    <rPh sb="172" eb="174">
      <t>シコウ</t>
    </rPh>
    <rPh sb="175" eb="177">
      <t>ヒツヨウ</t>
    </rPh>
    <rPh sb="178" eb="180">
      <t>ゲンド</t>
    </rPh>
    <rPh sb="185" eb="188">
      <t>ショウガッコウ</t>
    </rPh>
    <rPh sb="188" eb="191">
      <t>シュウガクマエ</t>
    </rPh>
    <rPh sb="197" eb="198">
      <t>コ</t>
    </rPh>
    <rPh sb="201" eb="204">
      <t>ショウガッコウ</t>
    </rPh>
    <rPh sb="204" eb="207">
      <t>シュウガクマエ</t>
    </rPh>
    <rPh sb="207" eb="208">
      <t>コ</t>
    </rPh>
    <rPh sb="211" eb="214">
      <t>ホゴシャ</t>
    </rPh>
    <rPh sb="214" eb="215">
      <t>マタ</t>
    </rPh>
    <rPh sb="216" eb="219">
      <t>ショウガッコウ</t>
    </rPh>
    <rPh sb="219" eb="222">
      <t>シュウガクマエ</t>
    </rPh>
    <rPh sb="222" eb="223">
      <t>コ</t>
    </rPh>
    <rPh sb="226" eb="228">
      <t>フヨウ</t>
    </rPh>
    <rPh sb="228" eb="230">
      <t>ギム</t>
    </rPh>
    <rPh sb="230" eb="231">
      <t>シャ</t>
    </rPh>
    <rPh sb="232" eb="234">
      <t>ミンポウ</t>
    </rPh>
    <rPh sb="235" eb="237">
      <t>メイジ</t>
    </rPh>
    <rPh sb="239" eb="240">
      <t>ネン</t>
    </rPh>
    <rPh sb="240" eb="242">
      <t>ホウリツ</t>
    </rPh>
    <rPh sb="242" eb="243">
      <t>ダイ</t>
    </rPh>
    <rPh sb="245" eb="246">
      <t>ゴウ</t>
    </rPh>
    <rPh sb="248" eb="250">
      <t>キテイ</t>
    </rPh>
    <rPh sb="252" eb="254">
      <t>フヨウ</t>
    </rPh>
    <rPh sb="254" eb="256">
      <t>ギム</t>
    </rPh>
    <rPh sb="256" eb="257">
      <t>シャ</t>
    </rPh>
    <rPh sb="267" eb="269">
      <t>フソク</t>
    </rPh>
    <rPh sb="269" eb="270">
      <t>ダイ</t>
    </rPh>
    <rPh sb="271" eb="272">
      <t>ジョウ</t>
    </rPh>
    <rPh sb="276" eb="277">
      <t>オナ</t>
    </rPh>
    <rPh sb="281" eb="283">
      <t>シサン</t>
    </rPh>
    <rPh sb="283" eb="284">
      <t>マタ</t>
    </rPh>
    <rPh sb="285" eb="287">
      <t>シュウニュウ</t>
    </rPh>
    <rPh sb="288" eb="290">
      <t>ジョウキョウ</t>
    </rPh>
    <rPh sb="294" eb="297">
      <t>カンコウショ</t>
    </rPh>
    <rPh sb="298" eb="299">
      <t>タイ</t>
    </rPh>
    <rPh sb="300" eb="302">
      <t>ヒツヨウ</t>
    </rPh>
    <rPh sb="303" eb="305">
      <t>ブンショ</t>
    </rPh>
    <rPh sb="306" eb="308">
      <t>エツラン</t>
    </rPh>
    <rPh sb="308" eb="309">
      <t>モ</t>
    </rPh>
    <rPh sb="312" eb="314">
      <t>シリョウ</t>
    </rPh>
    <rPh sb="315" eb="317">
      <t>テイキョウ</t>
    </rPh>
    <rPh sb="318" eb="319">
      <t>モト</t>
    </rPh>
    <rPh sb="321" eb="322">
      <t>マタ</t>
    </rPh>
    <rPh sb="323" eb="325">
      <t>ギンコウ</t>
    </rPh>
    <rPh sb="332" eb="334">
      <t>シンタク</t>
    </rPh>
    <rPh sb="334" eb="336">
      <t>カイシャ</t>
    </rPh>
    <rPh sb="338" eb="339">
      <t>タ</t>
    </rPh>
    <rPh sb="340" eb="342">
      <t>キカン</t>
    </rPh>
    <rPh sb="342" eb="343">
      <t>モ</t>
    </rPh>
    <rPh sb="346" eb="349">
      <t>ショウガッコウ</t>
    </rPh>
    <rPh sb="349" eb="352">
      <t>シュウガクマエ</t>
    </rPh>
    <rPh sb="352" eb="353">
      <t>コ</t>
    </rPh>
    <rPh sb="356" eb="359">
      <t>ホゴシャ</t>
    </rPh>
    <rPh sb="360" eb="362">
      <t>コヨウ</t>
    </rPh>
    <rPh sb="362" eb="363">
      <t>ヌシ</t>
    </rPh>
    <rPh sb="365" eb="366">
      <t>タ</t>
    </rPh>
    <rPh sb="367" eb="369">
      <t>カンケイ</t>
    </rPh>
    <rPh sb="369" eb="370">
      <t>ニン</t>
    </rPh>
    <rPh sb="371" eb="373">
      <t>ホウコク</t>
    </rPh>
    <rPh sb="374" eb="375">
      <t>モト</t>
    </rPh>
    <phoneticPr fontId="3"/>
  </si>
  <si>
    <t>２．個人情報の収集方法</t>
    <rPh sb="2" eb="4">
      <t>コジン</t>
    </rPh>
    <rPh sb="4" eb="6">
      <t>ジョウホウ</t>
    </rPh>
    <rPh sb="7" eb="9">
      <t>シュウシュウ</t>
    </rPh>
    <rPh sb="9" eb="11">
      <t>ホウホウ</t>
    </rPh>
    <phoneticPr fontId="3"/>
  </si>
  <si>
    <t>　(１)同意者の世帯状況に関して住民基本台帳の閲覧・複写
　(２)同意者の課税状況に関して住民税課税台帳・課税資料等の閲覧・複写
　(３)同意者、同意者の親族、同意者の雇い主、銀行、信託会社その他関係人への聴取・資料提供依頼
　(４)同意者、同意者の親族の世帯状況・課税状況に関して他市町村に対し必要な書類の提供依頼</t>
    <rPh sb="4" eb="7">
      <t>ドウイシャ</t>
    </rPh>
    <rPh sb="8" eb="10">
      <t>セタイ</t>
    </rPh>
    <rPh sb="10" eb="12">
      <t>ジョウキョウ</t>
    </rPh>
    <rPh sb="13" eb="14">
      <t>カン</t>
    </rPh>
    <rPh sb="16" eb="18">
      <t>ジュウミン</t>
    </rPh>
    <rPh sb="18" eb="20">
      <t>キホン</t>
    </rPh>
    <rPh sb="20" eb="22">
      <t>ダイチョウ</t>
    </rPh>
    <rPh sb="23" eb="25">
      <t>エツラン</t>
    </rPh>
    <rPh sb="26" eb="28">
      <t>フクシャ</t>
    </rPh>
    <rPh sb="33" eb="36">
      <t>ドウイシャ</t>
    </rPh>
    <rPh sb="37" eb="39">
      <t>カゼイ</t>
    </rPh>
    <rPh sb="39" eb="41">
      <t>ジョウキョウ</t>
    </rPh>
    <rPh sb="42" eb="43">
      <t>カン</t>
    </rPh>
    <rPh sb="45" eb="48">
      <t>ジュウミンゼイ</t>
    </rPh>
    <rPh sb="48" eb="50">
      <t>カゼイ</t>
    </rPh>
    <rPh sb="50" eb="52">
      <t>ダイチョウ</t>
    </rPh>
    <rPh sb="53" eb="55">
      <t>カゼイ</t>
    </rPh>
    <rPh sb="55" eb="58">
      <t>シリョウトウ</t>
    </rPh>
    <rPh sb="59" eb="61">
      <t>エツラン</t>
    </rPh>
    <rPh sb="62" eb="64">
      <t>フクシャ</t>
    </rPh>
    <rPh sb="69" eb="72">
      <t>ドウイシャ</t>
    </rPh>
    <rPh sb="73" eb="75">
      <t>ドウイ</t>
    </rPh>
    <rPh sb="75" eb="76">
      <t>シャ</t>
    </rPh>
    <rPh sb="77" eb="79">
      <t>シンゾク</t>
    </rPh>
    <rPh sb="80" eb="82">
      <t>ドウイ</t>
    </rPh>
    <rPh sb="82" eb="83">
      <t>シャ</t>
    </rPh>
    <rPh sb="84" eb="85">
      <t>ヤト</t>
    </rPh>
    <rPh sb="86" eb="87">
      <t>ヌシ</t>
    </rPh>
    <rPh sb="88" eb="90">
      <t>ギンコウ</t>
    </rPh>
    <rPh sb="92" eb="94">
      <t>カイシャ</t>
    </rPh>
    <rPh sb="96" eb="97">
      <t>タ</t>
    </rPh>
    <rPh sb="97" eb="99">
      <t>カンケイ</t>
    </rPh>
    <rPh sb="99" eb="100">
      <t>ニン</t>
    </rPh>
    <rPh sb="102" eb="104">
      <t>チョウシュ</t>
    </rPh>
    <rPh sb="105" eb="107">
      <t>シリョウ</t>
    </rPh>
    <rPh sb="107" eb="109">
      <t>テイキョウ</t>
    </rPh>
    <rPh sb="109" eb="111">
      <t>イライ</t>
    </rPh>
    <rPh sb="116" eb="119">
      <t>ドウイシャ</t>
    </rPh>
    <rPh sb="120" eb="122">
      <t>ドウイ</t>
    </rPh>
    <rPh sb="122" eb="123">
      <t>シャ</t>
    </rPh>
    <rPh sb="124" eb="126">
      <t>シンゾク</t>
    </rPh>
    <rPh sb="127" eb="129">
      <t>セタイ</t>
    </rPh>
    <rPh sb="129" eb="131">
      <t>ジョウキョウ</t>
    </rPh>
    <rPh sb="132" eb="134">
      <t>カゼイ</t>
    </rPh>
    <rPh sb="134" eb="136">
      <t>ジョウキョウ</t>
    </rPh>
    <rPh sb="137" eb="138">
      <t>カン</t>
    </rPh>
    <rPh sb="140" eb="141">
      <t>タ</t>
    </rPh>
    <rPh sb="141" eb="144">
      <t>シチョウソン</t>
    </rPh>
    <rPh sb="145" eb="146">
      <t>タイ</t>
    </rPh>
    <rPh sb="147" eb="149">
      <t>ヒツヨウ</t>
    </rPh>
    <rPh sb="150" eb="152">
      <t>ショルイ</t>
    </rPh>
    <rPh sb="153" eb="155">
      <t>テイキョウ</t>
    </rPh>
    <rPh sb="155" eb="157">
      <t>イライ</t>
    </rPh>
    <phoneticPr fontId="3"/>
  </si>
  <si>
    <t>３．個人情報の第三者提供</t>
    <rPh sb="2" eb="4">
      <t>コジン</t>
    </rPh>
    <rPh sb="4" eb="6">
      <t>ジョウホウ</t>
    </rPh>
    <rPh sb="7" eb="8">
      <t>ダイ</t>
    </rPh>
    <rPh sb="8" eb="10">
      <t>サンシャ</t>
    </rPh>
    <rPh sb="10" eb="12">
      <t>テイキョウ</t>
    </rPh>
    <phoneticPr fontId="3"/>
  </si>
  <si>
    <t>　　 市長は次の場合に限り、児童及び同意者の個人情報を第三者に提供することができることとする。</t>
    <rPh sb="3" eb="5">
      <t>シチョウ</t>
    </rPh>
    <rPh sb="6" eb="7">
      <t>ツギ</t>
    </rPh>
    <rPh sb="8" eb="10">
      <t>バアイ</t>
    </rPh>
    <rPh sb="11" eb="12">
      <t>カギ</t>
    </rPh>
    <rPh sb="14" eb="16">
      <t>ジドウ</t>
    </rPh>
    <rPh sb="16" eb="17">
      <t>オヨ</t>
    </rPh>
    <rPh sb="18" eb="20">
      <t>ドウイ</t>
    </rPh>
    <rPh sb="20" eb="21">
      <t>シャ</t>
    </rPh>
    <rPh sb="22" eb="24">
      <t>コジン</t>
    </rPh>
    <rPh sb="24" eb="26">
      <t>ジョウホウ</t>
    </rPh>
    <rPh sb="27" eb="28">
      <t>ダイ</t>
    </rPh>
    <rPh sb="28" eb="29">
      <t>３</t>
    </rPh>
    <rPh sb="29" eb="30">
      <t>シャ</t>
    </rPh>
    <rPh sb="31" eb="33">
      <t>テイキョウ</t>
    </rPh>
    <phoneticPr fontId="3"/>
  </si>
  <si>
    <r>
      <rPr>
        <sz val="10.5"/>
        <rFont val="HGｺﾞｼｯｸM"/>
        <family val="3"/>
        <charset val="128"/>
      </rPr>
      <t>　(１)１の目的のため特に必要があると認められる場合における、教育・保育施設への情報提供</t>
    </r>
    <r>
      <rPr>
        <sz val="11"/>
        <rFont val="HGｺﾞｼｯｸM"/>
        <family val="3"/>
        <charset val="128"/>
      </rPr>
      <t xml:space="preserve">
　　</t>
    </r>
    <r>
      <rPr>
        <sz val="9.5"/>
        <rFont val="HGｺﾞｼｯｸM"/>
        <family val="3"/>
        <charset val="128"/>
      </rPr>
      <t>［教育・保育施設に提供する個人情報の内容］
　　 ① 氏名、生年月日、連絡方法等、支給認定申請書・利用申込書に記入された個人情報及び添付資料に記載された個人情報に
　　　　関すること。
     ② 保育料に関すること。</t>
    </r>
    <rPh sb="6" eb="8">
      <t>モクテキ</t>
    </rPh>
    <rPh sb="11" eb="12">
      <t>トク</t>
    </rPh>
    <rPh sb="13" eb="15">
      <t>ヒツヨウ</t>
    </rPh>
    <rPh sb="19" eb="20">
      <t>ミト</t>
    </rPh>
    <rPh sb="24" eb="26">
      <t>バアイ</t>
    </rPh>
    <rPh sb="40" eb="42">
      <t>ジョウホウ</t>
    </rPh>
    <rPh sb="42" eb="44">
      <t>テイキョウ</t>
    </rPh>
    <rPh sb="48" eb="50">
      <t>キョウイク</t>
    </rPh>
    <rPh sb="51" eb="53">
      <t>ホイク</t>
    </rPh>
    <rPh sb="53" eb="55">
      <t>シセツ</t>
    </rPh>
    <rPh sb="56" eb="58">
      <t>テイキョウ</t>
    </rPh>
    <rPh sb="60" eb="62">
      <t>コジン</t>
    </rPh>
    <rPh sb="62" eb="64">
      <t>ジョウホウ</t>
    </rPh>
    <rPh sb="65" eb="67">
      <t>ナイヨウ</t>
    </rPh>
    <rPh sb="74" eb="76">
      <t>シメイ</t>
    </rPh>
    <rPh sb="77" eb="79">
      <t>セイネン</t>
    </rPh>
    <rPh sb="79" eb="81">
      <t>ガッピ</t>
    </rPh>
    <rPh sb="82" eb="84">
      <t>レンラク</t>
    </rPh>
    <rPh sb="84" eb="87">
      <t>ホウホウトウ</t>
    </rPh>
    <rPh sb="88" eb="90">
      <t>シキュウ</t>
    </rPh>
    <rPh sb="90" eb="92">
      <t>ニンテイ</t>
    </rPh>
    <rPh sb="92" eb="95">
      <t>シンセイショ</t>
    </rPh>
    <rPh sb="96" eb="98">
      <t>リヨウ</t>
    </rPh>
    <rPh sb="98" eb="101">
      <t>モウシコミショ</t>
    </rPh>
    <rPh sb="102" eb="104">
      <t>キニュウ</t>
    </rPh>
    <rPh sb="107" eb="109">
      <t>コジン</t>
    </rPh>
    <rPh sb="109" eb="111">
      <t>ジョウホウ</t>
    </rPh>
    <rPh sb="111" eb="112">
      <t>オヨ</t>
    </rPh>
    <rPh sb="113" eb="115">
      <t>テンプ</t>
    </rPh>
    <rPh sb="115" eb="117">
      <t>シリョウ</t>
    </rPh>
    <rPh sb="118" eb="120">
      <t>キサイ</t>
    </rPh>
    <rPh sb="123" eb="125">
      <t>コジン</t>
    </rPh>
    <rPh sb="125" eb="127">
      <t>ジョウホウ</t>
    </rPh>
    <rPh sb="133" eb="134">
      <t>カン</t>
    </rPh>
    <rPh sb="147" eb="149">
      <t>ホイク</t>
    </rPh>
    <rPh sb="149" eb="150">
      <t>リョウ</t>
    </rPh>
    <rPh sb="151" eb="152">
      <t>カン</t>
    </rPh>
    <phoneticPr fontId="3"/>
  </si>
  <si>
    <t>　  (２)児童相談所等の公的機関から、法令等により個人情報の提供を求められた場合における情報提供</t>
    <rPh sb="45" eb="46">
      <t>ジョウ</t>
    </rPh>
    <phoneticPr fontId="3"/>
  </si>
  <si>
    <t>　(３)児童が給付を受けることに関し、関係機関・部署と連絡調整することが必要と認められた場合</t>
    <rPh sb="4" eb="6">
      <t>ジドウ</t>
    </rPh>
    <rPh sb="7" eb="9">
      <t>キュウフ</t>
    </rPh>
    <rPh sb="10" eb="11">
      <t>ウ</t>
    </rPh>
    <rPh sb="16" eb="17">
      <t>カン</t>
    </rPh>
    <rPh sb="19" eb="21">
      <t>カンケイ</t>
    </rPh>
    <rPh sb="21" eb="23">
      <t>キカン</t>
    </rPh>
    <rPh sb="24" eb="26">
      <t>ブショ</t>
    </rPh>
    <rPh sb="27" eb="29">
      <t>レンラク</t>
    </rPh>
    <rPh sb="29" eb="31">
      <t>チョウセイ</t>
    </rPh>
    <rPh sb="36" eb="38">
      <t>ヒツヨウ</t>
    </rPh>
    <rPh sb="39" eb="40">
      <t>ミト</t>
    </rPh>
    <rPh sb="44" eb="46">
      <t>バアイ</t>
    </rPh>
    <phoneticPr fontId="3"/>
  </si>
  <si>
    <t>４．教育・保育給付認定申請・利用申込について</t>
    <rPh sb="2" eb="4">
      <t>キョウイク</t>
    </rPh>
    <rPh sb="5" eb="7">
      <t>ホイク</t>
    </rPh>
    <rPh sb="7" eb="9">
      <t>キュウフ</t>
    </rPh>
    <rPh sb="9" eb="11">
      <t>ニンテイ</t>
    </rPh>
    <rPh sb="11" eb="13">
      <t>シンセイ</t>
    </rPh>
    <rPh sb="14" eb="16">
      <t>リヨウ</t>
    </rPh>
    <rPh sb="16" eb="18">
      <t>モウシコミ</t>
    </rPh>
    <phoneticPr fontId="3"/>
  </si>
  <si>
    <t>　　　　　　　　　　　上記のとおり取り扱うことに同意します。</t>
    <rPh sb="11" eb="13">
      <t>ジョウキ</t>
    </rPh>
    <rPh sb="17" eb="18">
      <t>ト</t>
    </rPh>
    <rPh sb="19" eb="20">
      <t>アツカ</t>
    </rPh>
    <rPh sb="24" eb="26">
      <t>ドウイ</t>
    </rPh>
    <phoneticPr fontId="3"/>
  </si>
  <si>
    <t>続柄</t>
    <rPh sb="0" eb="2">
      <t>ゾクガラ</t>
    </rPh>
    <phoneticPr fontId="3"/>
  </si>
  <si>
    <t>氏　名</t>
    <rPh sb="0" eb="1">
      <t>ウジ</t>
    </rPh>
    <rPh sb="2" eb="3">
      <t>メイ</t>
    </rPh>
    <phoneticPr fontId="3"/>
  </si>
  <si>
    <t>（　　　　　 )</t>
    <phoneticPr fontId="3"/>
  </si>
  <si>
    <t>子どものための教育・保育給付事務に必要な
マイナンバーを職権で確認・照合することに関する同意書</t>
    <rPh sb="0" eb="1">
      <t>コ</t>
    </rPh>
    <rPh sb="7" eb="9">
      <t>キョウイク</t>
    </rPh>
    <rPh sb="10" eb="14">
      <t>ホイクキュウフ</t>
    </rPh>
    <rPh sb="14" eb="16">
      <t>ジム</t>
    </rPh>
    <rPh sb="17" eb="19">
      <t>ヒツヨウ</t>
    </rPh>
    <rPh sb="28" eb="30">
      <t>ショッケン</t>
    </rPh>
    <rPh sb="31" eb="33">
      <t>カクニン</t>
    </rPh>
    <rPh sb="34" eb="36">
      <t>ショウゴウ</t>
    </rPh>
    <rPh sb="41" eb="42">
      <t>カン</t>
    </rPh>
    <rPh sb="44" eb="47">
      <t>ドウイショ</t>
    </rPh>
    <phoneticPr fontId="37"/>
  </si>
  <si>
    <t>　子どものための教育・保育給付事務に際し、確認が必要なマイナンバーについて、当課職員にて、職権で確認・照合することについて同意します。
　※マイナンバーの確認・照合に同意しない場合は、必要書類を依頼されることがありますのでご了承ください。</t>
    <rPh sb="1" eb="2">
      <t>コ</t>
    </rPh>
    <rPh sb="8" eb="10">
      <t>キョウイク</t>
    </rPh>
    <rPh sb="11" eb="13">
      <t>ホイク</t>
    </rPh>
    <rPh sb="13" eb="15">
      <t>キュウフ</t>
    </rPh>
    <rPh sb="15" eb="17">
      <t>ジム</t>
    </rPh>
    <rPh sb="18" eb="19">
      <t>サイ</t>
    </rPh>
    <rPh sb="21" eb="23">
      <t>カクニン</t>
    </rPh>
    <rPh sb="24" eb="26">
      <t>ヒツヨウ</t>
    </rPh>
    <rPh sb="38" eb="39">
      <t>トウ</t>
    </rPh>
    <rPh sb="39" eb="40">
      <t>カ</t>
    </rPh>
    <rPh sb="40" eb="42">
      <t>ショクイン</t>
    </rPh>
    <rPh sb="45" eb="47">
      <t>ショッケン</t>
    </rPh>
    <rPh sb="48" eb="50">
      <t>カクニン</t>
    </rPh>
    <rPh sb="51" eb="53">
      <t>ショウゴウ</t>
    </rPh>
    <rPh sb="61" eb="63">
      <t>ドウイ</t>
    </rPh>
    <rPh sb="77" eb="79">
      <t>カクニン</t>
    </rPh>
    <rPh sb="80" eb="82">
      <t>ショウゴウ</t>
    </rPh>
    <rPh sb="83" eb="85">
      <t>ドウイ</t>
    </rPh>
    <rPh sb="88" eb="90">
      <t>バアイ</t>
    </rPh>
    <rPh sb="92" eb="94">
      <t>ヒツヨウ</t>
    </rPh>
    <rPh sb="94" eb="96">
      <t>ショルイ</t>
    </rPh>
    <rPh sb="97" eb="99">
      <t>イライ</t>
    </rPh>
    <rPh sb="112" eb="114">
      <t>リョウショウ</t>
    </rPh>
    <phoneticPr fontId="37"/>
  </si>
  <si>
    <t>申請者氏名</t>
    <rPh sb="0" eb="2">
      <t>シンセイ</t>
    </rPh>
    <rPh sb="2" eb="3">
      <t>シャ</t>
    </rPh>
    <rPh sb="3" eb="4">
      <t>ウジ</t>
    </rPh>
    <rPh sb="4" eb="5">
      <t>メイ</t>
    </rPh>
    <phoneticPr fontId="3"/>
  </si>
  <si>
    <t>父マイナンバー</t>
    <rPh sb="0" eb="1">
      <t>チチ</t>
    </rPh>
    <phoneticPr fontId="3"/>
  </si>
  <si>
    <t>母マイナンバー</t>
    <rPh sb="0" eb="1">
      <t>ハハ</t>
    </rPh>
    <phoneticPr fontId="3"/>
  </si>
  <si>
    <t>※担当者記入欄</t>
    <rPh sb="1" eb="4">
      <t>タントウシャ</t>
    </rPh>
    <rPh sb="4" eb="7">
      <t>キニュウラン</t>
    </rPh>
    <phoneticPr fontId="2"/>
  </si>
  <si>
    <t>個人番号確認</t>
    <rPh sb="0" eb="4">
      <t>コジンバンゴウ</t>
    </rPh>
    <rPh sb="4" eb="6">
      <t>カクニン</t>
    </rPh>
    <phoneticPr fontId="2"/>
  </si>
  <si>
    <t>□個人番号カード</t>
    <rPh sb="1" eb="3">
      <t>コジン</t>
    </rPh>
    <rPh sb="3" eb="5">
      <t>バンゴウ</t>
    </rPh>
    <phoneticPr fontId="2"/>
  </si>
  <si>
    <t>□通知カード</t>
    <rPh sb="1" eb="3">
      <t>ツウチ</t>
    </rPh>
    <phoneticPr fontId="2"/>
  </si>
  <si>
    <t>□住民票※コピー可</t>
    <rPh sb="1" eb="4">
      <t>ジュウミンヒョウ</t>
    </rPh>
    <rPh sb="8" eb="9">
      <t>カ</t>
    </rPh>
    <phoneticPr fontId="2"/>
  </si>
  <si>
    <t>　□　育休延長の可否　説明済　確認者名（　　　　　　　　　　）</t>
    <rPh sb="3" eb="7">
      <t>イクキュウエンチョウ</t>
    </rPh>
    <rPh sb="8" eb="10">
      <t>カヒ</t>
    </rPh>
    <rPh sb="11" eb="13">
      <t>セツメイ</t>
    </rPh>
    <rPh sb="13" eb="14">
      <t>ズ</t>
    </rPh>
    <rPh sb="15" eb="18">
      <t>カクニンシャ</t>
    </rPh>
    <rPh sb="18" eb="19">
      <t>メイ</t>
    </rPh>
    <phoneticPr fontId="2"/>
  </si>
  <si>
    <t>令和６年度</t>
    <rPh sb="0" eb="2">
      <t>レイワ</t>
    </rPh>
    <rPh sb="3" eb="5">
      <t>ネンド</t>
    </rPh>
    <phoneticPr fontId="2"/>
  </si>
  <si>
    <t>沖縄市</t>
    <rPh sb="0" eb="3">
      <t>オキナワシ</t>
    </rPh>
    <phoneticPr fontId="2"/>
  </si>
  <si>
    <r>
      <t>保育の利用を必要とする理由など・申請児童の保育の状況</t>
    </r>
    <r>
      <rPr>
        <sz val="10"/>
        <rFont val="HGｺﾞｼｯｸM"/>
        <family val="3"/>
        <charset val="128"/>
      </rPr>
      <t xml:space="preserve">  ( 該当する項目全てに</t>
    </r>
    <r>
      <rPr>
        <sz val="10"/>
        <rFont val="Segoe UI Symbol"/>
        <family val="3"/>
      </rPr>
      <t>☑</t>
    </r>
    <r>
      <rPr>
        <sz val="10"/>
        <rFont val="HGｺﾞｼｯｸM"/>
        <family val="3"/>
        <charset val="128"/>
      </rPr>
      <t>をつけてください。 )</t>
    </r>
    <rPh sb="16" eb="20">
      <t>シンセイジドウ</t>
    </rPh>
    <rPh sb="21" eb="23">
      <t>ホイク</t>
    </rPh>
    <rPh sb="24" eb="26">
      <t>ジョウキョウ</t>
    </rPh>
    <rPh sb="36" eb="37">
      <t>スベ</t>
    </rPh>
    <phoneticPr fontId="3"/>
  </si>
  <si>
    <t>　　(１)認定申請に当たって、４月入所の場合は認定事務及び利用調整事務が集中するため審査に時間を要することから、
　　　　認定証の交付希望の有無に関わらず認定通知書のみを利用調整の結果とともに１月下旬月頃に通知いたします。
　　(２)申請内容や添付書類（就労証明書等）に虚偽がある場合は、利用認定取り消し及び保育給付の額に相当する金額の
　　　　全部または一部を子ども・子育て支援法第12条に基づき徴収します。
　  (３)申請こども本人、又はそのきょうだい児の施設用利用給付認定申請時に提出した書類を、教育保育給付申請に使用
　　　　することがあります。</t>
    <rPh sb="5" eb="7">
      <t>ニンテイ</t>
    </rPh>
    <rPh sb="7" eb="9">
      <t>シンセイ</t>
    </rPh>
    <rPh sb="10" eb="11">
      <t>ア</t>
    </rPh>
    <rPh sb="16" eb="17">
      <t>ガツ</t>
    </rPh>
    <rPh sb="17" eb="19">
      <t>ニュウショ</t>
    </rPh>
    <rPh sb="20" eb="22">
      <t>バアイ</t>
    </rPh>
    <rPh sb="23" eb="25">
      <t>ニンテイ</t>
    </rPh>
    <rPh sb="25" eb="27">
      <t>ジム</t>
    </rPh>
    <rPh sb="27" eb="28">
      <t>オヨ</t>
    </rPh>
    <rPh sb="29" eb="31">
      <t>リヨウ</t>
    </rPh>
    <rPh sb="31" eb="33">
      <t>チョウセイ</t>
    </rPh>
    <rPh sb="33" eb="35">
      <t>ジム</t>
    </rPh>
    <rPh sb="36" eb="38">
      <t>シュウチュウ</t>
    </rPh>
    <rPh sb="42" eb="44">
      <t>シンサ</t>
    </rPh>
    <rPh sb="45" eb="47">
      <t>ジカン</t>
    </rPh>
    <rPh sb="48" eb="49">
      <t>ヨウ</t>
    </rPh>
    <rPh sb="61" eb="64">
      <t>ニンテイショウ</t>
    </rPh>
    <rPh sb="65" eb="67">
      <t>コウフ</t>
    </rPh>
    <rPh sb="67" eb="69">
      <t>キボウ</t>
    </rPh>
    <rPh sb="70" eb="72">
      <t>ウム</t>
    </rPh>
    <rPh sb="73" eb="74">
      <t>カカ</t>
    </rPh>
    <rPh sb="77" eb="79">
      <t>ニンテイ</t>
    </rPh>
    <rPh sb="79" eb="81">
      <t>ツウチ</t>
    </rPh>
    <rPh sb="81" eb="82">
      <t>ショ</t>
    </rPh>
    <rPh sb="85" eb="87">
      <t>リヨウ</t>
    </rPh>
    <rPh sb="87" eb="89">
      <t>チョウセイ</t>
    </rPh>
    <rPh sb="90" eb="92">
      <t>ケッカ</t>
    </rPh>
    <rPh sb="97" eb="98">
      <t>ガツ</t>
    </rPh>
    <rPh sb="98" eb="100">
      <t>ゲジュン</t>
    </rPh>
    <rPh sb="100" eb="101">
      <t>ガツ</t>
    </rPh>
    <rPh sb="101" eb="102">
      <t>ゴロ</t>
    </rPh>
    <rPh sb="117" eb="119">
      <t>シンセイ</t>
    </rPh>
    <rPh sb="119" eb="121">
      <t>ナイヨウ</t>
    </rPh>
    <rPh sb="122" eb="124">
      <t>テンプ</t>
    </rPh>
    <rPh sb="124" eb="126">
      <t>ショルイ</t>
    </rPh>
    <rPh sb="127" eb="132">
      <t>シュウロウショウメイショ</t>
    </rPh>
    <rPh sb="132" eb="133">
      <t>トウ</t>
    </rPh>
    <rPh sb="135" eb="137">
      <t>キョギ</t>
    </rPh>
    <rPh sb="140" eb="142">
      <t>バアイ</t>
    </rPh>
    <rPh sb="144" eb="146">
      <t>リヨウ</t>
    </rPh>
    <rPh sb="146" eb="148">
      <t>ニンテイ</t>
    </rPh>
    <rPh sb="148" eb="149">
      <t>ト</t>
    </rPh>
    <rPh sb="150" eb="151">
      <t>ケ</t>
    </rPh>
    <rPh sb="152" eb="153">
      <t>オヨ</t>
    </rPh>
    <rPh sb="154" eb="156">
      <t>ホイク</t>
    </rPh>
    <rPh sb="156" eb="158">
      <t>キュウフ</t>
    </rPh>
    <rPh sb="159" eb="160">
      <t>ガク</t>
    </rPh>
    <rPh sb="161" eb="163">
      <t>ソウトウ</t>
    </rPh>
    <rPh sb="165" eb="167">
      <t>キンガク</t>
    </rPh>
    <rPh sb="173" eb="175">
      <t>ゼンブ</t>
    </rPh>
    <rPh sb="178" eb="180">
      <t>イチブ</t>
    </rPh>
    <rPh sb="181" eb="182">
      <t>コ</t>
    </rPh>
    <rPh sb="185" eb="187">
      <t>コソダ</t>
    </rPh>
    <rPh sb="188" eb="190">
      <t>シエン</t>
    </rPh>
    <rPh sb="190" eb="191">
      <t>ホウ</t>
    </rPh>
    <rPh sb="191" eb="192">
      <t>ダイ</t>
    </rPh>
    <rPh sb="194" eb="195">
      <t>ジョウ</t>
    </rPh>
    <rPh sb="196" eb="197">
      <t>モト</t>
    </rPh>
    <rPh sb="199" eb="201">
      <t>チョウシュウ</t>
    </rPh>
    <rPh sb="212" eb="214">
      <t>シンセイ</t>
    </rPh>
    <rPh sb="217" eb="219">
      <t>ホンニン</t>
    </rPh>
    <rPh sb="220" eb="221">
      <t>マタ</t>
    </rPh>
    <rPh sb="229" eb="230">
      <t>ジ</t>
    </rPh>
    <rPh sb="231" eb="234">
      <t>シセツヨウ</t>
    </rPh>
    <rPh sb="234" eb="236">
      <t>リヨウ</t>
    </rPh>
    <rPh sb="236" eb="238">
      <t>キュウフ</t>
    </rPh>
    <rPh sb="238" eb="240">
      <t>ニンテイ</t>
    </rPh>
    <rPh sb="240" eb="242">
      <t>シンセイ</t>
    </rPh>
    <rPh sb="242" eb="243">
      <t>ジ</t>
    </rPh>
    <rPh sb="244" eb="246">
      <t>テイシュツ</t>
    </rPh>
    <rPh sb="248" eb="250">
      <t>ショルイ</t>
    </rPh>
    <rPh sb="252" eb="256">
      <t>キョウイクホイク</t>
    </rPh>
    <rPh sb="256" eb="258">
      <t>キュウフ</t>
    </rPh>
    <rPh sb="258" eb="260">
      <t>シンセイ</t>
    </rPh>
    <rPh sb="261" eb="263">
      <t>シヨウ</t>
    </rPh>
    <phoneticPr fontId="3"/>
  </si>
  <si>
    <t>３.病気・障がい</t>
    <rPh sb="2" eb="4">
      <t>ビョウキ</t>
    </rPh>
    <rPh sb="5" eb="6">
      <t>ショウ</t>
    </rPh>
    <phoneticPr fontId="2"/>
  </si>
  <si>
    <t>４.母親の出産</t>
    <rPh sb="2" eb="4">
      <t>ハハオヤ</t>
    </rPh>
    <rPh sb="5" eb="7">
      <t>シュッサン</t>
    </rPh>
    <phoneticPr fontId="2"/>
  </si>
  <si>
    <t>５.病人の看護等</t>
    <rPh sb="2" eb="4">
      <t>ビョウニン</t>
    </rPh>
    <rPh sb="5" eb="7">
      <t>カンゴ</t>
    </rPh>
    <rPh sb="7" eb="8">
      <t>トウ</t>
    </rPh>
    <phoneticPr fontId="2"/>
  </si>
  <si>
    <t>６.求職中</t>
    <rPh sb="2" eb="5">
      <t>キュウショクチュウ</t>
    </rPh>
    <phoneticPr fontId="2"/>
  </si>
  <si>
    <t>７.在学している</t>
    <rPh sb="2" eb="4">
      <t>ザイガク</t>
    </rPh>
    <phoneticPr fontId="2"/>
  </si>
  <si>
    <t>８.育児休暇中</t>
    <rPh sb="2" eb="6">
      <t>イクジキュウカ</t>
    </rPh>
    <rPh sb="6" eb="7">
      <t>チュウ</t>
    </rPh>
    <phoneticPr fontId="2"/>
  </si>
  <si>
    <t>９.その他</t>
    <rPh sb="4" eb="5">
      <t>タ</t>
    </rPh>
    <phoneticPr fontId="2"/>
  </si>
  <si>
    <t>　　　　　　　　　　　　　保育所(園)</t>
    <phoneticPr fontId="2"/>
  </si>
  <si>
    <t>　　　　　　　　　　　   　　　　</t>
    <phoneticPr fontId="3"/>
  </si>
  <si>
    <t>園番号</t>
    <rPh sb="0" eb="3">
      <t>エンバンゴウ</t>
    </rPh>
    <phoneticPr fontId="2"/>
  </si>
  <si>
    <t>希望施設</t>
    <rPh sb="0" eb="4">
      <t>キボウシセツ</t>
    </rPh>
    <phoneticPr fontId="2"/>
  </si>
  <si>
    <t xml:space="preserve">
利用希望する
施　設　名</t>
    <rPh sb="2" eb="4">
      <t>リヨウ</t>
    </rPh>
    <rPh sb="4" eb="6">
      <t>キボウ</t>
    </rPh>
    <rPh sb="9" eb="10">
      <t>セ</t>
    </rPh>
    <rPh sb="11" eb="12">
      <t>セツ</t>
    </rPh>
    <rPh sb="13" eb="14">
      <t>メイ</t>
    </rPh>
    <phoneticPr fontId="3"/>
  </si>
  <si>
    <t>※市町村記入欄</t>
    <rPh sb="1" eb="4">
      <t>シチョウソン</t>
    </rPh>
    <rPh sb="4" eb="7">
      <t>キニュウラン</t>
    </rPh>
    <phoneticPr fontId="3"/>
  </si>
  <si>
    <t>生活保護世帯</t>
    <rPh sb="0" eb="2">
      <t>セイカツ</t>
    </rPh>
    <rPh sb="2" eb="4">
      <t>ホゴ</t>
    </rPh>
    <rPh sb="4" eb="6">
      <t>セタイ</t>
    </rPh>
    <phoneticPr fontId="2"/>
  </si>
  <si>
    <t>母子・父子世帯</t>
    <rPh sb="0" eb="2">
      <t>ボシ</t>
    </rPh>
    <rPh sb="3" eb="5">
      <t>フシ</t>
    </rPh>
    <rPh sb="5" eb="7">
      <t>セタイ</t>
    </rPh>
    <phoneticPr fontId="2"/>
  </si>
  <si>
    <t>→被保護証明書の添付</t>
    <rPh sb="1" eb="4">
      <t>ヒホゴ</t>
    </rPh>
    <rPh sb="4" eb="7">
      <t>ショウメイショ</t>
    </rPh>
    <rPh sb="8" eb="10">
      <t>テンプ</t>
    </rPh>
    <phoneticPr fontId="2"/>
  </si>
  <si>
    <t>→児童扶養手当証書（写し）の添付</t>
    <rPh sb="1" eb="5">
      <t>ジドウフヨウ</t>
    </rPh>
    <rPh sb="5" eb="7">
      <t>テアテ</t>
    </rPh>
    <rPh sb="7" eb="9">
      <t>ショウショ</t>
    </rPh>
    <rPh sb="10" eb="11">
      <t>ウツ</t>
    </rPh>
    <rPh sb="14" eb="16">
      <t>テンプ</t>
    </rPh>
    <phoneticPr fontId="2"/>
  </si>
  <si>
    <t>世帯に障がい者がいる</t>
    <rPh sb="0" eb="2">
      <t>セタイ</t>
    </rPh>
    <rPh sb="3" eb="4">
      <t>ショウ</t>
    </rPh>
    <rPh sb="6" eb="7">
      <t>シャ</t>
    </rPh>
    <phoneticPr fontId="2"/>
  </si>
  <si>
    <t>年金受給有</t>
    <rPh sb="0" eb="2">
      <t>ネンキン</t>
    </rPh>
    <rPh sb="2" eb="5">
      <t>ジュキュウアリ</t>
    </rPh>
    <phoneticPr fontId="2"/>
  </si>
  <si>
    <t>→ 障害者手帳・特別児童扶養手当証書等(写し)の添付</t>
    <phoneticPr fontId="2"/>
  </si>
  <si>
    <t>→障害基礎年金受給者証・遺族基礎年金受給証（写し）の添付</t>
    <rPh sb="1" eb="7">
      <t>ショウガイキソネンキン</t>
    </rPh>
    <rPh sb="7" eb="11">
      <t>ジュキュウシャショウ</t>
    </rPh>
    <rPh sb="12" eb="14">
      <t>イゾク</t>
    </rPh>
    <rPh sb="14" eb="18">
      <t>キソネンキン</t>
    </rPh>
    <rPh sb="18" eb="21">
      <t>ジュキュウショウ</t>
    </rPh>
    <rPh sb="22" eb="23">
      <t>ウツ</t>
    </rPh>
    <rPh sb="26" eb="28">
      <t>テンプ</t>
    </rPh>
    <phoneticPr fontId="2"/>
  </si>
  <si>
    <t>無</t>
    <rPh sb="0" eb="1">
      <t>ナ</t>
    </rPh>
    <phoneticPr fontId="2"/>
  </si>
  <si>
    <t>申請中</t>
    <rPh sb="0" eb="3">
      <t>シンセイチュウ</t>
    </rPh>
    <phoneticPr fontId="2"/>
  </si>
  <si>
    <t>申込児童本人</t>
    <rPh sb="0" eb="2">
      <t>モウシコミ</t>
    </rPh>
    <rPh sb="2" eb="4">
      <t>ジドウ</t>
    </rPh>
    <rPh sb="4" eb="6">
      <t>ホンニン</t>
    </rPh>
    <phoneticPr fontId="2"/>
  </si>
  <si>
    <t>その他</t>
    <rPh sb="2" eb="3">
      <t>タ</t>
    </rPh>
    <phoneticPr fontId="2"/>
  </si>
  <si>
    <t>障害</t>
    <rPh sb="0" eb="1">
      <t>ショウ</t>
    </rPh>
    <rPh sb="1" eb="2">
      <t>ガイ</t>
    </rPh>
    <phoneticPr fontId="2"/>
  </si>
  <si>
    <t>遺族</t>
    <rPh sb="0" eb="2">
      <t>イゾク</t>
    </rPh>
    <phoneticPr fontId="2"/>
  </si>
  <si>
    <r>
      <t>氏名</t>
    </r>
    <r>
      <rPr>
        <u/>
        <sz val="10.5"/>
        <rFont val="HGｺﾞｼｯｸM"/>
        <family val="3"/>
        <charset val="128"/>
      </rPr>
      <t xml:space="preserve">　　　　　　　　　　　　　　   </t>
    </r>
    <phoneticPr fontId="2"/>
  </si>
  <si>
    <t>続柄( 　　 )</t>
    <rPh sb="0" eb="2">
      <t>ゾクガラ</t>
    </rPh>
    <phoneticPr fontId="2"/>
  </si>
  <si>
    <t>年</t>
    <rPh sb="0" eb="1">
      <t>ネン</t>
    </rPh>
    <phoneticPr fontId="2"/>
  </si>
  <si>
    <t>日</t>
    <rPh sb="0" eb="1">
      <t>ヒ</t>
    </rPh>
    <phoneticPr fontId="2"/>
  </si>
  <si>
    <t>月</t>
    <rPh sb="0" eb="1">
      <t>ゲツ</t>
    </rPh>
    <phoneticPr fontId="2"/>
  </si>
  <si>
    <t>生年月日（和暦）</t>
    <rPh sb="5" eb="7">
      <t>ワレキ</t>
    </rPh>
    <phoneticPr fontId="3"/>
  </si>
  <si>
    <t>① 同時期に希望する同じ保育所（園）に入所できる場合にのみ入所を希望します。</t>
    <phoneticPr fontId="2"/>
  </si>
  <si>
    <t>② 同時期であれば、別々の保育所（園）でも入所を希望します。</t>
    <phoneticPr fontId="3"/>
  </si>
  <si>
    <t>③ 1番上の子のみ入所を希望し、入所できない児童は、入所した兄弟・姉妹と同じ保育所（園）のみを希望します。</t>
    <phoneticPr fontId="2"/>
  </si>
  <si>
    <t>④ 1番下の子のみ入所を希望し、入所できない児童は、入所した兄弟・姉妹と同じ保育所（園）のみを希望します。</t>
    <phoneticPr fontId="2"/>
  </si>
  <si>
    <t>⑤ 1人のみでも入所を希望し、入所できない児童は、別々の保育所（園）でもよいので入所を希望します。</t>
    <phoneticPr fontId="2"/>
  </si>
  <si>
    <t>（　　　　　年　　　月　　　日　保護開始）</t>
    <rPh sb="6" eb="7">
      <t>ネン</t>
    </rPh>
    <rPh sb="10" eb="11">
      <t>ガツ</t>
    </rPh>
    <rPh sb="14" eb="15">
      <t>ニチ</t>
    </rPh>
    <rPh sb="16" eb="20">
      <t>ホゴカイシ</t>
    </rPh>
    <phoneticPr fontId="2"/>
  </si>
  <si>
    <t>父</t>
    <rPh sb="0" eb="1">
      <t>チチ</t>
    </rPh>
    <phoneticPr fontId="2"/>
  </si>
  <si>
    <t>(               )</t>
    <phoneticPr fontId="2"/>
  </si>
  <si>
    <t>→児童扶養手当</t>
    <rPh sb="1" eb="3">
      <t>ジドウ</t>
    </rPh>
    <rPh sb="3" eb="5">
      <t>フヨウ</t>
    </rPh>
    <rPh sb="5" eb="7">
      <t>テアテ</t>
    </rPh>
    <phoneticPr fontId="2"/>
  </si>
  <si>
    <t>　有</t>
    <rPh sb="1" eb="2">
      <t>アリ</t>
    </rPh>
    <phoneticPr fontId="2"/>
  </si>
  <si>
    <t>日</t>
    <rPh sb="0" eb="1">
      <t>ニチ</t>
    </rPh>
    <phoneticPr fontId="2"/>
  </si>
  <si>
    <t>～</t>
    <phoneticPr fontId="2"/>
  </si>
  <si>
    <t>※年度内の期間
例:令和〇年4月1日～令和△年3月31日</t>
    <rPh sb="1" eb="3">
      <t>ネンド</t>
    </rPh>
    <rPh sb="3" eb="4">
      <t>ナイ</t>
    </rPh>
    <rPh sb="5" eb="7">
      <t>キカン</t>
    </rPh>
    <rPh sb="8" eb="9">
      <t>レイ</t>
    </rPh>
    <rPh sb="10" eb="12">
      <t>レイワ</t>
    </rPh>
    <rPh sb="13" eb="14">
      <t>ネン</t>
    </rPh>
    <rPh sb="15" eb="16">
      <t>ガツ</t>
    </rPh>
    <rPh sb="17" eb="18">
      <t>ニチ</t>
    </rPh>
    <rPh sb="19" eb="21">
      <t>レイワ</t>
    </rPh>
    <rPh sb="22" eb="23">
      <t>ネン</t>
    </rPh>
    <rPh sb="24" eb="25">
      <t>ガツ</t>
    </rPh>
    <rPh sb="27" eb="28">
      <t>ニチ</t>
    </rPh>
    <phoneticPr fontId="2"/>
  </si>
  <si>
    <t>３「利用を希望する施設名」欄は希望する順に施設名を記入してください。また、別紙「園番号リスト」を参考に</t>
    <rPh sb="37" eb="39">
      <t>ベッシ</t>
    </rPh>
    <rPh sb="40" eb="43">
      <t>エンバンゴウ</t>
    </rPh>
    <rPh sb="48" eb="50">
      <t>サンコウ</t>
    </rPh>
    <phoneticPr fontId="3"/>
  </si>
  <si>
    <t>　　園番号を右に記入してください。</t>
    <rPh sb="2" eb="3">
      <t>エン</t>
    </rPh>
    <rPh sb="3" eb="5">
      <t>バンゴウ</t>
    </rPh>
    <rPh sb="6" eb="7">
      <t>ミギ</t>
    </rPh>
    <rPh sb="8" eb="10">
      <t>キニュウ</t>
    </rPh>
    <phoneticPr fontId="3"/>
  </si>
  <si>
    <t>５「発達支援保育申請の有無」または、「幼稚園の特別支援申請の有無」の欄は、申請していない方は「申請していない」、</t>
    <rPh sb="8" eb="10">
      <t>シンセイ</t>
    </rPh>
    <rPh sb="11" eb="13">
      <t>ウム</t>
    </rPh>
    <rPh sb="27" eb="29">
      <t>シンセイ</t>
    </rPh>
    <rPh sb="30" eb="32">
      <t>ウム</t>
    </rPh>
    <rPh sb="37" eb="39">
      <t>シンセイ</t>
    </rPh>
    <rPh sb="47" eb="49">
      <t>シンセイ</t>
    </rPh>
    <phoneticPr fontId="3"/>
  </si>
  <si>
    <t>　既に申請されている方は「申請した」、現在利用中の方は「利用中」の□欄にチェックを入れて下さい。</t>
    <rPh sb="1" eb="2">
      <t>スデ</t>
    </rPh>
    <rPh sb="3" eb="5">
      <t>シンセイ</t>
    </rPh>
    <rPh sb="10" eb="11">
      <t>カタ</t>
    </rPh>
    <rPh sb="13" eb="15">
      <t>シンセイ</t>
    </rPh>
    <rPh sb="19" eb="21">
      <t>ゲンザイ</t>
    </rPh>
    <rPh sb="21" eb="23">
      <t>リヨウ</t>
    </rPh>
    <rPh sb="23" eb="24">
      <t>チュウ</t>
    </rPh>
    <rPh sb="25" eb="26">
      <t>カタ</t>
    </rPh>
    <rPh sb="28" eb="31">
      <t>リヨウチュウ</t>
    </rPh>
    <phoneticPr fontId="3"/>
  </si>
  <si>
    <t>６「児童の発育状況」および「世帯状況」欄は、該当するものを□欄にチェックを入れ、必要事項を記入して下さい。</t>
    <rPh sb="30" eb="31">
      <t>ラン</t>
    </rPh>
    <rPh sb="37" eb="38">
      <t>イ</t>
    </rPh>
    <phoneticPr fontId="3"/>
  </si>
  <si>
    <t>９「兄弟姉妹の利用に関する確認事項」の欄は、兄弟姉妹の入所希望の項目について、</t>
    <rPh sb="2" eb="6">
      <t>ケイテイシマイ</t>
    </rPh>
    <rPh sb="7" eb="9">
      <t>リヨウ</t>
    </rPh>
    <rPh sb="10" eb="11">
      <t>カン</t>
    </rPh>
    <rPh sb="13" eb="15">
      <t>カクニン</t>
    </rPh>
    <rPh sb="15" eb="17">
      <t>ジコウ</t>
    </rPh>
    <rPh sb="22" eb="26">
      <t>ケイテイシマイ</t>
    </rPh>
    <rPh sb="27" eb="29">
      <t>ニュウショ</t>
    </rPh>
    <rPh sb="29" eb="31">
      <t>キボウ</t>
    </rPh>
    <rPh sb="32" eb="34">
      <t>コウモク</t>
    </rPh>
    <phoneticPr fontId="3"/>
  </si>
  <si>
    <t>７「家庭の状況」欄は、申請児童本人および申請児童の両親、同居している親族等の全員を記入し、「申込児童との続柄」</t>
    <phoneticPr fontId="3"/>
  </si>
  <si>
    <t>　及び「生年月日」、「性別」、「業種・学校名等」の記入をしてください。</t>
    <rPh sb="16" eb="18">
      <t>ギョウシュ</t>
    </rPh>
    <phoneticPr fontId="3"/>
  </si>
  <si>
    <t>８「兄弟姉妹の申込・利用状況」の欄は、ひとつの世帯から２人以上の児童の申込みを行う場合、</t>
    <phoneticPr fontId="3"/>
  </si>
  <si>
    <t>　 申込児童以外の兄弟姉妹の氏名をご記入ください。</t>
    <rPh sb="14" eb="16">
      <t>シメイ</t>
    </rPh>
    <rPh sb="18" eb="20">
      <t>キニュウ</t>
    </rPh>
    <phoneticPr fontId="3"/>
  </si>
  <si>
    <t>　別紙「兄弟姉妹同時申込用、兄弟次チェックのつけ方」、もしくは入所案内28ページ</t>
    <phoneticPr fontId="2"/>
  </si>
  <si>
    <t>　「参照. 兄弟姉妹での同時申込みについて」を参考にし、該当するものの□欄にチェックをつけて下さい。</t>
    <phoneticPr fontId="2"/>
  </si>
  <si>
    <r>
      <t>①利用を希望する施設名、希望する期間等</t>
    </r>
    <r>
      <rPr>
        <sz val="10"/>
        <rFont val="HGｺﾞｼｯｸM"/>
        <family val="3"/>
        <charset val="128"/>
      </rPr>
      <t>（園番号については、別紙「園番号リスト」を参考に該当番号をご記入ください。）</t>
    </r>
    <rPh sb="1" eb="3">
      <t>リヨウ</t>
    </rPh>
    <rPh sb="4" eb="6">
      <t>キボウ</t>
    </rPh>
    <rPh sb="8" eb="10">
      <t>シセツ</t>
    </rPh>
    <rPh sb="10" eb="11">
      <t>メイ</t>
    </rPh>
    <rPh sb="12" eb="14">
      <t>キボウ</t>
    </rPh>
    <rPh sb="16" eb="18">
      <t>キカン</t>
    </rPh>
    <rPh sb="18" eb="19">
      <t>ナド</t>
    </rPh>
    <rPh sb="20" eb="23">
      <t>エンバンゴウ</t>
    </rPh>
    <rPh sb="29" eb="31">
      <t>ベッシ</t>
    </rPh>
    <rPh sb="32" eb="35">
      <t>エンバンゴウ</t>
    </rPh>
    <rPh sb="40" eb="42">
      <t>サンコウ</t>
    </rPh>
    <rPh sb="43" eb="47">
      <t>ガイトウバンゴウ</t>
    </rPh>
    <rPh sb="49" eb="51">
      <t>キニュウ</t>
    </rPh>
    <phoneticPr fontId="3"/>
  </si>
  <si>
    <t>予定日（　　　年　月　日）</t>
    <rPh sb="0" eb="3">
      <t>ヨテイビ</t>
    </rPh>
    <rPh sb="7" eb="8">
      <t>ネン</t>
    </rPh>
    <rPh sb="9" eb="10">
      <t>ガツ</t>
    </rPh>
    <rPh sb="11" eb="12">
      <t>ニチ</t>
    </rPh>
    <phoneticPr fontId="2"/>
  </si>
  <si>
    <t>２ 自営業している</t>
    <rPh sb="2" eb="5">
      <t>ジエイギョウ</t>
    </rPh>
    <phoneticPr fontId="2"/>
  </si>
  <si>
    <t>１ 就労している</t>
    <rPh sb="2" eb="4">
      <t>シュウロウ</t>
    </rPh>
    <phoneticPr fontId="3"/>
  </si>
  <si>
    <t xml:space="preserve">               　認定申請かつ利用申込　　　　　　　認定申請のみ</t>
    <rPh sb="16" eb="18">
      <t>ニンテイ</t>
    </rPh>
    <rPh sb="18" eb="20">
      <t>シンセイ</t>
    </rPh>
    <rPh sb="22" eb="24">
      <t>リヨウ</t>
    </rPh>
    <rPh sb="24" eb="26">
      <t>モウシコ</t>
    </rPh>
    <rPh sb="33" eb="35">
      <t>ニンテイ</t>
    </rPh>
    <rPh sb="35" eb="37">
      <t>シンセイ</t>
    </rPh>
    <phoneticPr fontId="3"/>
  </si>
  <si>
    <t>　 男
　 女</t>
    <rPh sb="2" eb="3">
      <t>オトコ</t>
    </rPh>
    <rPh sb="7" eb="8">
      <t>オンナ</t>
    </rPh>
    <phoneticPr fontId="3"/>
  </si>
  <si>
    <t>　 父</t>
    <rPh sb="2" eb="3">
      <t>チチ</t>
    </rPh>
    <phoneticPr fontId="2"/>
  </si>
  <si>
    <t>　 母</t>
    <rPh sb="2" eb="3">
      <t>ハハ</t>
    </rPh>
    <phoneticPr fontId="2"/>
  </si>
  <si>
    <t>　その他（　    　）</t>
    <rPh sb="3" eb="4">
      <t>ホカ</t>
    </rPh>
    <phoneticPr fontId="2"/>
  </si>
  <si>
    <t>　　 保育所(園)入所中</t>
    <phoneticPr fontId="2"/>
  </si>
  <si>
    <t xml:space="preserve">  　 一時・特定保育利用中</t>
    <phoneticPr fontId="2"/>
  </si>
  <si>
    <t>　　 自宅で(　　　　　　　)がみている</t>
    <phoneticPr fontId="2"/>
  </si>
  <si>
    <t xml:space="preserve">  　 身内(　　　　　　　　)に預けている</t>
    <phoneticPr fontId="2"/>
  </si>
  <si>
    <t xml:space="preserve">  　 職場でみている</t>
    <phoneticPr fontId="2"/>
  </si>
  <si>
    <t>　　 その他 （　　　　 　　　　　）</t>
    <phoneticPr fontId="2"/>
  </si>
  <si>
    <r>
      <t>公立幼稚園を希望する場合、 　　　 　午後の預かりを希望する　　　　　　　　午前中のみ利用する（14時まで）
※</t>
    </r>
    <r>
      <rPr>
        <sz val="10"/>
        <rFont val="Segoe UI Symbol"/>
        <family val="3"/>
      </rPr>
      <t>☑</t>
    </r>
    <r>
      <rPr>
        <sz val="10"/>
        <rFont val="HGｺﾞｼｯｸM"/>
        <family val="3"/>
        <charset val="128"/>
      </rPr>
      <t>チェックが</t>
    </r>
    <r>
      <rPr>
        <sz val="9"/>
        <rFont val="HGｺﾞｼｯｸM"/>
        <family val="3"/>
        <charset val="128"/>
      </rPr>
      <t>ない場合は教育部（午前）の利用申込みとなり、預かり保育は利用できません。</t>
    </r>
    <rPh sb="0" eb="2">
      <t>コウリツ</t>
    </rPh>
    <rPh sb="2" eb="5">
      <t>ヨウチエン</t>
    </rPh>
    <rPh sb="6" eb="8">
      <t>キボウ</t>
    </rPh>
    <rPh sb="10" eb="12">
      <t>バアイ</t>
    </rPh>
    <rPh sb="19" eb="21">
      <t>ゴゴ</t>
    </rPh>
    <rPh sb="22" eb="23">
      <t>アズ</t>
    </rPh>
    <rPh sb="38" eb="41">
      <t>ゴゼンチュウ</t>
    </rPh>
    <rPh sb="43" eb="45">
      <t>リヨウ</t>
    </rPh>
    <rPh sb="50" eb="51">
      <t>ジ</t>
    </rPh>
    <rPh sb="64" eb="66">
      <t>バアイ</t>
    </rPh>
    <rPh sb="67" eb="69">
      <t>キョウイク</t>
    </rPh>
    <rPh sb="69" eb="70">
      <t>ブ</t>
    </rPh>
    <rPh sb="71" eb="73">
      <t>ゴゼン</t>
    </rPh>
    <rPh sb="75" eb="77">
      <t>リヨウ</t>
    </rPh>
    <rPh sb="77" eb="79">
      <t>モウシコ</t>
    </rPh>
    <rPh sb="84" eb="85">
      <t>アズ</t>
    </rPh>
    <rPh sb="87" eb="89">
      <t>ホイク</t>
    </rPh>
    <rPh sb="90" eb="92">
      <t>リヨウ</t>
    </rPh>
    <phoneticPr fontId="3"/>
  </si>
  <si>
    <t>　申請していない　　　申請した　　　利用中</t>
    <rPh sb="1" eb="3">
      <t>シンセイ</t>
    </rPh>
    <rPh sb="11" eb="13">
      <t>シンセイ</t>
    </rPh>
    <rPh sb="18" eb="20">
      <t>リヨウ</t>
    </rPh>
    <rPh sb="20" eb="21">
      <t>チュウ</t>
    </rPh>
    <phoneticPr fontId="3"/>
  </si>
  <si>
    <t>　申請していない　　　申請した　　　利用中</t>
    <phoneticPr fontId="3"/>
  </si>
  <si>
    <r>
      <t xml:space="preserve">　　　希望する施設に入所できない場合は、育休延長も許容できます。
</t>
    </r>
    <r>
      <rPr>
        <b/>
        <sz val="10"/>
        <rFont val="HGｺﾞｼｯｸM"/>
        <family val="3"/>
        <charset val="128"/>
      </rPr>
      <t>（チェックを入れた場合、他の入園希望者を優先的に案内いたします。）</t>
    </r>
    <rPh sb="3" eb="5">
      <t>キボウ</t>
    </rPh>
    <rPh sb="7" eb="9">
      <t>シセツ</t>
    </rPh>
    <rPh sb="10" eb="12">
      <t>ニュウショ</t>
    </rPh>
    <rPh sb="16" eb="18">
      <t>バアイ</t>
    </rPh>
    <rPh sb="20" eb="22">
      <t>イクキュウ</t>
    </rPh>
    <rPh sb="22" eb="24">
      <t>エンチョウ</t>
    </rPh>
    <rPh sb="25" eb="27">
      <t>キョヨウ</t>
    </rPh>
    <rPh sb="39" eb="40">
      <t>イ</t>
    </rPh>
    <rPh sb="42" eb="44">
      <t>バアイ</t>
    </rPh>
    <rPh sb="45" eb="46">
      <t>タ</t>
    </rPh>
    <rPh sb="47" eb="49">
      <t>ニュウエン</t>
    </rPh>
    <rPh sb="49" eb="52">
      <t>キボウシャ</t>
    </rPh>
    <rPh sb="53" eb="55">
      <t>ユウセン</t>
    </rPh>
    <rPh sb="55" eb="56">
      <t>テキ</t>
    </rPh>
    <rPh sb="57" eb="59">
      <t>アンナイ</t>
    </rPh>
    <phoneticPr fontId="3"/>
  </si>
  <si>
    <t xml:space="preserve"> 　 良好　　　　　　　　
 　 アレルギー有　　種類　(　　　　　　　　　　　)
    エピペン所持の有・無　　　　 有　 　　　 無
　　除去食の必要性　　　　　　　 有　 　　　 無
 　 定期的な通院有
　 （理由：　　　　　 　　　　　　 　　　 　     ）
 　 薬の服用(種類)　　　　(　　　  　　　　　 　 )
 　 障害児通所支援事業受給者証有
 　 発達に関する関係機関等への通所有　　              　　　　　　
　　親子通園の有無　　　あり　・　なし
　 （機関・施設名：　　　　　　　　　　　　　　　）</t>
    <rPh sb="3" eb="5">
      <t>リョウコウ</t>
    </rPh>
    <rPh sb="23" eb="24">
      <t>アリ</t>
    </rPh>
    <rPh sb="26" eb="28">
      <t>シュルイ</t>
    </rPh>
    <rPh sb="51" eb="53">
      <t>ショジ</t>
    </rPh>
    <rPh sb="62" eb="63">
      <t>ア</t>
    </rPh>
    <rPh sb="66" eb="67">
      <t>ナシ</t>
    </rPh>
    <rPh sb="72" eb="74">
      <t>ジョキョ</t>
    </rPh>
    <rPh sb="74" eb="75">
      <t>ショク</t>
    </rPh>
    <rPh sb="76" eb="79">
      <t>ヒツヨウセイ</t>
    </rPh>
    <rPh sb="101" eb="103">
      <t>ツウイン</t>
    </rPh>
    <rPh sb="105" eb="107">
      <t>リユウ</t>
    </rPh>
    <rPh sb="132" eb="133">
      <t>クスリ</t>
    </rPh>
    <rPh sb="138" eb="140">
      <t>フクヨウ</t>
    </rPh>
    <rPh sb="183" eb="184">
      <t>シャ</t>
    </rPh>
    <rPh sb="184" eb="185">
      <t>ショウ</t>
    </rPh>
    <rPh sb="199" eb="200">
      <t>トウ</t>
    </rPh>
    <rPh sb="202" eb="204">
      <t>ツウショ</t>
    </rPh>
    <rPh sb="210" eb="211">
      <t>アリジドウハッタツ</t>
    </rPh>
    <rPh sb="236" eb="238">
      <t>オヤコ</t>
    </rPh>
    <rPh sb="238" eb="240">
      <t>ツウエン</t>
    </rPh>
    <rPh sb="241" eb="243">
      <t>ウム</t>
    </rPh>
    <phoneticPr fontId="3"/>
  </si>
  <si>
    <t>　　離別</t>
    <rPh sb="2" eb="4">
      <t>リベツ</t>
    </rPh>
    <phoneticPr fontId="2"/>
  </si>
  <si>
    <t>　　死別</t>
    <rPh sb="2" eb="4">
      <t>シベツ</t>
    </rPh>
    <phoneticPr fontId="2"/>
  </si>
  <si>
    <t>　　未婚</t>
    <rPh sb="2" eb="4">
      <t>ミコン</t>
    </rPh>
    <phoneticPr fontId="2"/>
  </si>
  <si>
    <t xml:space="preserve"> </t>
    <phoneticPr fontId="2"/>
  </si>
  <si>
    <t>　 身障  　 精神  　 療養　　 遺族　</t>
    <rPh sb="2" eb="4">
      <t>シンショウ</t>
    </rPh>
    <rPh sb="8" eb="10">
      <t>セイシン</t>
    </rPh>
    <rPh sb="14" eb="16">
      <t>リョウヨウ</t>
    </rPh>
    <rPh sb="19" eb="21">
      <t>イゾク</t>
    </rPh>
    <phoneticPr fontId="2"/>
  </si>
  <si>
    <t>　　母</t>
    <rPh sb="2" eb="3">
      <t>ハハ</t>
    </rPh>
    <phoneticPr fontId="2"/>
  </si>
  <si>
    <t>　　兄</t>
    <rPh sb="2" eb="3">
      <t>アニ</t>
    </rPh>
    <phoneticPr fontId="2"/>
  </si>
  <si>
    <t>　　姉</t>
    <rPh sb="2" eb="3">
      <t>アネ</t>
    </rPh>
    <phoneticPr fontId="2"/>
  </si>
  <si>
    <t>　　その他</t>
    <rPh sb="4" eb="5">
      <t>タ</t>
    </rPh>
    <phoneticPr fontId="3"/>
  </si>
  <si>
    <t>　 男
　 女</t>
    <rPh sb="2" eb="3">
      <t>オトコ</t>
    </rPh>
    <rPh sb="6" eb="7">
      <t>オンナ</t>
    </rPh>
    <phoneticPr fontId="3"/>
  </si>
  <si>
    <t>　同 居
　別 居</t>
    <phoneticPr fontId="3"/>
  </si>
  <si>
    <t>　名前：　　　　　　　　　　　　　（　　　）歳　　　　　　　　　　　　　保育所(園)　　　　 入所中  　 待機中  　 新規申込</t>
    <rPh sb="1" eb="3">
      <t>ナマエ</t>
    </rPh>
    <phoneticPr fontId="3"/>
  </si>
  <si>
    <t>　父  　　母</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43" x14ac:knownFonts="1">
    <font>
      <sz val="11"/>
      <color theme="1"/>
      <name val="游ゴシック"/>
      <family val="2"/>
      <charset val="128"/>
      <scheme val="minor"/>
    </font>
    <font>
      <b/>
      <sz val="16"/>
      <name val="HGｺﾞｼｯｸM"/>
      <family val="3"/>
      <charset val="128"/>
    </font>
    <font>
      <sz val="6"/>
      <name val="游ゴシック"/>
      <family val="2"/>
      <charset val="128"/>
      <scheme val="minor"/>
    </font>
    <font>
      <sz val="6"/>
      <name val="ＭＳ Ｐゴシック"/>
      <family val="3"/>
      <charset val="128"/>
    </font>
    <font>
      <sz val="10"/>
      <name val="HGｺﾞｼｯｸM"/>
      <family val="3"/>
      <charset val="128"/>
    </font>
    <font>
      <sz val="12"/>
      <name val="HGｺﾞｼｯｸM"/>
      <family val="3"/>
      <charset val="128"/>
    </font>
    <font>
      <b/>
      <sz val="12"/>
      <name val="HGｺﾞｼｯｸM"/>
      <family val="3"/>
      <charset val="128"/>
    </font>
    <font>
      <b/>
      <sz val="12"/>
      <name val="游ゴシック"/>
      <family val="3"/>
      <charset val="128"/>
      <scheme val="minor"/>
    </font>
    <font>
      <u/>
      <sz val="10"/>
      <name val="HGｺﾞｼｯｸM"/>
      <family val="3"/>
      <charset val="128"/>
    </font>
    <font>
      <sz val="9"/>
      <name val="HGｺﾞｼｯｸM"/>
      <family val="3"/>
      <charset val="128"/>
    </font>
    <font>
      <sz val="9.5"/>
      <name val="HGｺﾞｼｯｸM"/>
      <family val="3"/>
      <charset val="128"/>
    </font>
    <font>
      <sz val="8"/>
      <name val="HGｺﾞｼｯｸM"/>
      <family val="3"/>
      <charset val="128"/>
    </font>
    <font>
      <sz val="9"/>
      <name val="游ゴシック"/>
      <family val="3"/>
      <charset val="128"/>
      <scheme val="minor"/>
    </font>
    <font>
      <sz val="11"/>
      <name val="游ゴシック"/>
      <family val="3"/>
      <charset val="128"/>
      <scheme val="minor"/>
    </font>
    <font>
      <sz val="10"/>
      <name val="Segoe UI Symbol"/>
      <family val="3"/>
    </font>
    <font>
      <sz val="11"/>
      <name val="HGｺﾞｼｯｸM"/>
      <family val="3"/>
      <charset val="128"/>
    </font>
    <font>
      <sz val="10"/>
      <name val="Tahoma"/>
      <family val="3"/>
    </font>
    <font>
      <i/>
      <sz val="10"/>
      <name val="HGｺﾞｼｯｸM"/>
      <family val="3"/>
      <charset val="128"/>
    </font>
    <font>
      <b/>
      <sz val="10"/>
      <name val="HGｺﾞｼｯｸM"/>
      <family val="3"/>
      <charset val="128"/>
    </font>
    <font>
      <sz val="10"/>
      <name val="游ゴシック"/>
      <family val="3"/>
      <charset val="128"/>
      <scheme val="minor"/>
    </font>
    <font>
      <sz val="9"/>
      <name val="ＭＳ 明朝"/>
      <family val="1"/>
      <charset val="128"/>
    </font>
    <font>
      <sz val="10.5"/>
      <name val="HGｺﾞｼｯｸM"/>
      <family val="3"/>
      <charset val="128"/>
    </font>
    <font>
      <u/>
      <sz val="10.5"/>
      <name val="HGｺﾞｼｯｸM"/>
      <family val="3"/>
      <charset val="128"/>
    </font>
    <font>
      <sz val="8"/>
      <color theme="1"/>
      <name val="游ゴシック"/>
      <family val="3"/>
      <charset val="128"/>
      <scheme val="minor"/>
    </font>
    <font>
      <sz val="9"/>
      <color theme="1"/>
      <name val="游ゴシック"/>
      <family val="3"/>
      <charset val="128"/>
      <scheme val="minor"/>
    </font>
    <font>
      <sz val="11"/>
      <name val="Segoe UI Symbol"/>
      <family val="3"/>
    </font>
    <font>
      <sz val="11"/>
      <name val="Tahoma"/>
      <family val="3"/>
    </font>
    <font>
      <sz val="16"/>
      <name val="HGｺﾞｼｯｸM"/>
      <family val="3"/>
      <charset val="128"/>
    </font>
    <font>
      <sz val="8.5"/>
      <name val="HGｺﾞｼｯｸM"/>
      <family val="3"/>
      <charset val="128"/>
    </font>
    <font>
      <sz val="16"/>
      <color indexed="8"/>
      <name val="HGｺﾞｼｯｸM"/>
      <family val="3"/>
      <charset val="128"/>
    </font>
    <font>
      <u val="double"/>
      <sz val="12"/>
      <name val="HGｺﾞｼｯｸM"/>
      <family val="3"/>
      <charset val="128"/>
    </font>
    <font>
      <sz val="14"/>
      <name val="HGｺﾞｼｯｸM"/>
      <family val="3"/>
      <charset val="128"/>
    </font>
    <font>
      <sz val="10.5"/>
      <name val="游ゴシック"/>
      <family val="3"/>
      <charset val="128"/>
      <scheme val="minor"/>
    </font>
    <font>
      <b/>
      <sz val="18"/>
      <name val="HGｺﾞｼｯｸM"/>
      <family val="3"/>
      <charset val="128"/>
    </font>
    <font>
      <b/>
      <sz val="15"/>
      <name val="HGｺﾞｼｯｸM"/>
      <family val="3"/>
      <charset val="128"/>
    </font>
    <font>
      <u/>
      <sz val="11"/>
      <color theme="10"/>
      <name val="游ゴシック"/>
      <family val="3"/>
      <charset val="128"/>
      <scheme val="minor"/>
    </font>
    <font>
      <b/>
      <sz val="11.5"/>
      <color theme="1"/>
      <name val="HGPｺﾞｼｯｸM"/>
      <family val="3"/>
      <charset val="128"/>
    </font>
    <font>
      <sz val="6"/>
      <name val="游ゴシック"/>
      <family val="3"/>
      <charset val="128"/>
      <scheme val="minor"/>
    </font>
    <font>
      <sz val="11"/>
      <color theme="1"/>
      <name val="HGPｺﾞｼｯｸM"/>
      <family val="3"/>
      <charset val="128"/>
    </font>
    <font>
      <sz val="10"/>
      <color indexed="8"/>
      <name val="HGｺﾞｼｯｸM"/>
      <family val="3"/>
      <charset val="128"/>
    </font>
    <font>
      <sz val="11"/>
      <color theme="1"/>
      <name val="游ゴシック"/>
      <family val="2"/>
      <charset val="128"/>
      <scheme val="minor"/>
    </font>
    <font>
      <sz val="12"/>
      <color theme="1"/>
      <name val="HGPｺﾞｼｯｸM"/>
      <family val="3"/>
      <charset val="128"/>
    </font>
    <font>
      <sz val="12"/>
      <color theme="1"/>
      <name val="游ゴシック"/>
      <family val="2"/>
      <charset val="128"/>
      <scheme val="minor"/>
    </font>
  </fonts>
  <fills count="3">
    <fill>
      <patternFill patternType="none"/>
    </fill>
    <fill>
      <patternFill patternType="gray125"/>
    </fill>
    <fill>
      <patternFill patternType="solid">
        <fgColor theme="0"/>
        <bgColor indexed="64"/>
      </patternFill>
    </fill>
  </fills>
  <borders count="138">
    <border>
      <left/>
      <right/>
      <top/>
      <bottom/>
      <diagonal/>
    </border>
    <border>
      <left style="hair">
        <color indexed="64"/>
      </left>
      <right style="hair">
        <color indexed="64"/>
      </right>
      <top style="hair">
        <color indexed="64"/>
      </top>
      <bottom style="hair">
        <color indexed="64"/>
      </bottom>
      <diagonal/>
    </border>
    <border>
      <left/>
      <right/>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hair">
        <color indexed="64"/>
      </left>
      <right/>
      <top/>
      <bottom style="hair">
        <color indexed="64"/>
      </bottom>
      <diagonal/>
    </border>
    <border>
      <left/>
      <right style="hair">
        <color indexed="64"/>
      </right>
      <top/>
      <bottom style="hair">
        <color indexed="64"/>
      </bottom>
      <diagonal/>
    </border>
    <border>
      <left/>
      <right style="hair">
        <color indexed="64"/>
      </right>
      <top/>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top/>
      <bottom/>
      <diagonal/>
    </border>
    <border>
      <left/>
      <right/>
      <top/>
      <bottom style="thin">
        <color indexed="64"/>
      </bottom>
      <diagonal/>
    </border>
    <border>
      <left/>
      <right/>
      <top/>
      <bottom style="dashed">
        <color indexed="64"/>
      </bottom>
      <diagonal/>
    </border>
    <border>
      <left/>
      <right/>
      <top style="dashed">
        <color auto="1"/>
      </top>
      <bottom/>
      <diagonal/>
    </border>
    <border>
      <left/>
      <right/>
      <top/>
      <bottom style="medium">
        <color indexed="64"/>
      </bottom>
      <diagonal/>
    </border>
    <border>
      <left style="thin">
        <color auto="1"/>
      </left>
      <right/>
      <top style="thin">
        <color auto="1"/>
      </top>
      <bottom style="thin">
        <color auto="1"/>
      </bottom>
      <diagonal/>
    </border>
    <border>
      <left/>
      <right/>
      <top style="thin">
        <color auto="1"/>
      </top>
      <bottom style="thin">
        <color indexed="64"/>
      </bottom>
      <diagonal/>
    </border>
    <border>
      <left/>
      <right style="thin">
        <color auto="1"/>
      </right>
      <top style="thin">
        <color auto="1"/>
      </top>
      <bottom style="thin">
        <color auto="1"/>
      </bottom>
      <diagonal/>
    </border>
    <border>
      <left/>
      <right/>
      <top style="thin">
        <color auto="1"/>
      </top>
      <bottom/>
      <diagonal/>
    </border>
    <border>
      <left style="dotted">
        <color indexed="64"/>
      </left>
      <right/>
      <top/>
      <bottom/>
      <diagonal/>
    </border>
    <border>
      <left/>
      <right style="dotted">
        <color indexed="64"/>
      </right>
      <top/>
      <bottom/>
      <diagonal/>
    </border>
    <border>
      <left/>
      <right style="dotted">
        <color indexed="64"/>
      </right>
      <top/>
      <bottom style="hair">
        <color indexed="64"/>
      </bottom>
      <diagonal/>
    </border>
    <border>
      <left style="thin">
        <color indexed="64"/>
      </left>
      <right style="thin">
        <color indexed="64"/>
      </right>
      <top style="thin">
        <color indexed="64"/>
      </top>
      <bottom style="thin">
        <color indexed="64"/>
      </bottom>
      <diagonal/>
    </border>
    <border>
      <left style="dotted">
        <color indexed="64"/>
      </left>
      <right style="dotted">
        <color indexed="64"/>
      </right>
      <top style="dotted">
        <color indexed="64"/>
      </top>
      <bottom style="dotted">
        <color indexed="64"/>
      </bottom>
      <diagonal/>
    </border>
    <border>
      <left style="dotted">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dotted">
        <color indexed="64"/>
      </right>
      <top style="dotted">
        <color indexed="64"/>
      </top>
      <bottom style="dotted">
        <color indexed="64"/>
      </bottom>
      <diagonal/>
    </border>
    <border>
      <left style="hair">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right/>
      <top/>
      <bottom style="dotted">
        <color indexed="64"/>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diagonal/>
    </border>
    <border>
      <left/>
      <right style="hair">
        <color indexed="64"/>
      </right>
      <top style="thin">
        <color indexed="64"/>
      </top>
      <bottom/>
      <diagonal/>
    </border>
    <border>
      <left/>
      <right style="thin">
        <color indexed="64"/>
      </right>
      <top/>
      <bottom style="hair">
        <color indexed="64"/>
      </bottom>
      <diagonal/>
    </border>
    <border>
      <left/>
      <right style="thin">
        <color indexed="64"/>
      </right>
      <top style="hair">
        <color indexed="64"/>
      </top>
      <bottom/>
      <diagonal/>
    </border>
    <border>
      <left/>
      <right style="thin">
        <color indexed="64"/>
      </right>
      <top/>
      <bottom/>
      <diagonal/>
    </border>
    <border>
      <left style="hair">
        <color indexed="64"/>
      </left>
      <right style="thin">
        <color indexed="64"/>
      </right>
      <top style="hair">
        <color indexed="64"/>
      </top>
      <bottom/>
      <diagonal/>
    </border>
    <border>
      <left style="hair">
        <color indexed="64"/>
      </left>
      <right style="thin">
        <color indexed="64"/>
      </right>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thin">
        <color indexed="64"/>
      </bottom>
      <diagonal/>
    </border>
    <border>
      <left style="hair">
        <color indexed="64"/>
      </left>
      <right style="thin">
        <color indexed="64"/>
      </right>
      <top style="thin">
        <color indexed="64"/>
      </top>
      <bottom style="hair">
        <color indexed="64"/>
      </bottom>
      <diagonal/>
    </border>
    <border>
      <left style="thin">
        <color indexed="64"/>
      </left>
      <right/>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style="thin">
        <color indexed="64"/>
      </left>
      <right style="thin">
        <color indexed="64"/>
      </right>
      <top style="thin">
        <color indexed="64"/>
      </top>
      <bottom style="dotted">
        <color indexed="64"/>
      </bottom>
      <diagonal/>
    </border>
    <border>
      <left/>
      <right style="thin">
        <color indexed="64"/>
      </right>
      <top/>
      <bottom style="dotted">
        <color indexed="64"/>
      </bottom>
      <diagonal/>
    </border>
    <border>
      <left/>
      <right/>
      <top style="dotted">
        <color indexed="64"/>
      </top>
      <bottom/>
      <diagonal/>
    </border>
    <border>
      <left style="thin">
        <color indexed="64"/>
      </left>
      <right/>
      <top style="dotted">
        <color indexed="64"/>
      </top>
      <bottom/>
      <diagonal/>
    </border>
    <border>
      <left/>
      <right style="thin">
        <color indexed="64"/>
      </right>
      <top style="dotted">
        <color indexed="64"/>
      </top>
      <bottom/>
      <diagonal/>
    </border>
    <border>
      <left style="hair">
        <color indexed="64"/>
      </left>
      <right/>
      <top style="hair">
        <color indexed="64"/>
      </top>
      <bottom style="thin">
        <color indexed="64"/>
      </bottom>
      <diagonal/>
    </border>
    <border>
      <left style="thin">
        <color indexed="64"/>
      </left>
      <right style="dotted">
        <color indexed="64"/>
      </right>
      <top style="thin">
        <color indexed="64"/>
      </top>
      <bottom/>
      <diagonal/>
    </border>
    <border>
      <left style="dotted">
        <color indexed="64"/>
      </left>
      <right style="dotted">
        <color indexed="64"/>
      </right>
      <top style="thin">
        <color indexed="64"/>
      </top>
      <bottom/>
      <diagonal/>
    </border>
    <border>
      <left style="dotted">
        <color indexed="64"/>
      </left>
      <right style="thin">
        <color indexed="64"/>
      </right>
      <top style="thin">
        <color indexed="64"/>
      </top>
      <bottom/>
      <diagonal/>
    </border>
    <border>
      <left style="thin">
        <color indexed="64"/>
      </left>
      <right style="dotted">
        <color indexed="64"/>
      </right>
      <top/>
      <bottom/>
      <diagonal/>
    </border>
    <border>
      <left style="dotted">
        <color indexed="64"/>
      </left>
      <right style="dotted">
        <color indexed="64"/>
      </right>
      <top/>
      <bottom/>
      <diagonal/>
    </border>
    <border>
      <left style="dotted">
        <color indexed="64"/>
      </left>
      <right style="thin">
        <color indexed="64"/>
      </right>
      <top/>
      <bottom/>
      <diagonal/>
    </border>
    <border>
      <left style="thin">
        <color indexed="64"/>
      </left>
      <right style="dotted">
        <color indexed="64"/>
      </right>
      <top/>
      <bottom style="dotted">
        <color indexed="64"/>
      </bottom>
      <diagonal/>
    </border>
    <border>
      <left style="dotted">
        <color indexed="64"/>
      </left>
      <right style="dotted">
        <color indexed="64"/>
      </right>
      <top/>
      <bottom style="dotted">
        <color indexed="64"/>
      </bottom>
      <diagonal/>
    </border>
    <border>
      <left style="dotted">
        <color indexed="64"/>
      </left>
      <right style="thin">
        <color indexed="64"/>
      </right>
      <top/>
      <bottom style="dotted">
        <color indexed="64"/>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style="dotted">
        <color indexed="64"/>
      </left>
      <right/>
      <top style="thin">
        <color indexed="64"/>
      </top>
      <bottom style="dotted">
        <color indexed="64"/>
      </bottom>
      <diagonal/>
    </border>
    <border>
      <left style="dotted">
        <color indexed="64"/>
      </left>
      <right/>
      <top style="dotted">
        <color indexed="64"/>
      </top>
      <bottom style="dotted">
        <color indexed="64"/>
      </bottom>
      <diagonal/>
    </border>
    <border>
      <left style="dotted">
        <color indexed="64"/>
      </left>
      <right style="dotted">
        <color indexed="64"/>
      </right>
      <top style="dotted">
        <color indexed="64"/>
      </top>
      <bottom style="hair">
        <color indexed="64"/>
      </bottom>
      <diagonal/>
    </border>
    <border>
      <left style="dotted">
        <color indexed="64"/>
      </left>
      <right/>
      <top style="dotted">
        <color indexed="64"/>
      </top>
      <bottom style="hair">
        <color indexed="64"/>
      </bottom>
      <diagonal/>
    </border>
    <border>
      <left/>
      <right style="dotted">
        <color indexed="64"/>
      </right>
      <top style="dotted">
        <color indexed="64"/>
      </top>
      <bottom style="dotted">
        <color indexed="64"/>
      </bottom>
      <diagonal/>
    </border>
    <border>
      <left/>
      <right style="dotted">
        <color indexed="64"/>
      </right>
      <top style="dotted">
        <color indexed="64"/>
      </top>
      <bottom style="hair">
        <color indexed="64"/>
      </bottom>
      <diagonal/>
    </border>
    <border>
      <left/>
      <right style="dotted">
        <color indexed="64"/>
      </right>
      <top style="dotted">
        <color indexed="64"/>
      </top>
      <bottom/>
      <diagonal/>
    </border>
    <border>
      <left style="dotted">
        <color indexed="64"/>
      </left>
      <right style="dotted">
        <color indexed="64"/>
      </right>
      <top style="dotted">
        <color indexed="64"/>
      </top>
      <bottom style="thin">
        <color indexed="64"/>
      </bottom>
      <diagonal/>
    </border>
    <border>
      <left/>
      <right/>
      <top style="dotted">
        <color indexed="64"/>
      </top>
      <bottom style="dotted">
        <color indexed="64"/>
      </bottom>
      <diagonal/>
    </border>
    <border>
      <left/>
      <right/>
      <top style="dotted">
        <color indexed="64"/>
      </top>
      <bottom style="hair">
        <color indexed="64"/>
      </bottom>
      <diagonal/>
    </border>
    <border>
      <left style="dotted">
        <color indexed="64"/>
      </left>
      <right style="thin">
        <color indexed="64"/>
      </right>
      <top style="thin">
        <color indexed="64"/>
      </top>
      <bottom style="dotted">
        <color indexed="64"/>
      </bottom>
      <diagonal/>
    </border>
    <border>
      <left style="dotted">
        <color indexed="64"/>
      </left>
      <right/>
      <top style="thin">
        <color indexed="64"/>
      </top>
      <bottom/>
      <diagonal/>
    </border>
    <border>
      <left/>
      <right style="dotted">
        <color indexed="64"/>
      </right>
      <top style="thin">
        <color indexed="64"/>
      </top>
      <bottom/>
      <diagonal/>
    </border>
    <border>
      <left style="dotted">
        <color indexed="64"/>
      </left>
      <right/>
      <top/>
      <bottom style="dotted">
        <color indexed="64"/>
      </bottom>
      <diagonal/>
    </border>
    <border>
      <left/>
      <right style="dotted">
        <color indexed="64"/>
      </right>
      <top/>
      <bottom style="dotted">
        <color indexed="64"/>
      </bottom>
      <diagonal/>
    </border>
    <border>
      <left style="dotted">
        <color indexed="64"/>
      </left>
      <right style="dotted">
        <color indexed="64"/>
      </right>
      <top/>
      <bottom style="thin">
        <color indexed="64"/>
      </bottom>
      <diagonal/>
    </border>
    <border>
      <left style="dotted">
        <color indexed="64"/>
      </left>
      <right style="thin">
        <color indexed="64"/>
      </right>
      <top/>
      <bottom style="thin">
        <color indexed="64"/>
      </bottom>
      <diagonal/>
    </border>
    <border>
      <left style="thin">
        <color indexed="64"/>
      </left>
      <right style="thin">
        <color indexed="64"/>
      </right>
      <top style="dotted">
        <color indexed="64"/>
      </top>
      <bottom/>
      <diagonal/>
    </border>
    <border>
      <left style="thin">
        <color indexed="64"/>
      </left>
      <right style="dotted">
        <color indexed="64"/>
      </right>
      <top style="dotted">
        <color indexed="64"/>
      </top>
      <bottom style="thin">
        <color indexed="64"/>
      </bottom>
      <diagonal/>
    </border>
    <border>
      <left style="dotted">
        <color indexed="64"/>
      </left>
      <right style="thin">
        <color indexed="64"/>
      </right>
      <top style="dotted">
        <color indexed="64"/>
      </top>
      <bottom style="thin">
        <color indexed="64"/>
      </bottom>
      <diagonal/>
    </border>
    <border>
      <left style="thin">
        <color indexed="64"/>
      </left>
      <right style="dotted">
        <color indexed="64"/>
      </right>
      <top/>
      <bottom style="thin">
        <color indexed="64"/>
      </bottom>
      <diagonal/>
    </border>
    <border>
      <left/>
      <right style="dotted">
        <color indexed="64"/>
      </right>
      <top style="thin">
        <color indexed="64"/>
      </top>
      <bottom style="dotted">
        <color indexed="64"/>
      </bottom>
      <diagonal/>
    </border>
    <border>
      <left style="thin">
        <color indexed="64"/>
      </left>
      <right/>
      <top style="dotted">
        <color indexed="64"/>
      </top>
      <bottom style="dotted">
        <color indexed="64"/>
      </bottom>
      <diagonal/>
    </border>
    <border>
      <left style="hair">
        <color indexed="64"/>
      </left>
      <right style="dotted">
        <color indexed="64"/>
      </right>
      <top style="hair">
        <color indexed="64"/>
      </top>
      <bottom style="hair">
        <color indexed="64"/>
      </bottom>
      <diagonal/>
    </border>
    <border>
      <left style="dotted">
        <color indexed="64"/>
      </left>
      <right style="dotted">
        <color indexed="64"/>
      </right>
      <top style="hair">
        <color indexed="64"/>
      </top>
      <bottom style="hair">
        <color indexed="64"/>
      </bottom>
      <diagonal/>
    </border>
    <border>
      <left style="dotted">
        <color indexed="64"/>
      </left>
      <right style="hair">
        <color indexed="64"/>
      </right>
      <top style="hair">
        <color indexed="64"/>
      </top>
      <bottom style="hair">
        <color indexed="64"/>
      </bottom>
      <diagonal/>
    </border>
    <border>
      <left style="thin">
        <color indexed="64"/>
      </left>
      <right style="dotted">
        <color indexed="64"/>
      </right>
      <top style="thin">
        <color indexed="64"/>
      </top>
      <bottom style="hair">
        <color indexed="64"/>
      </bottom>
      <diagonal/>
    </border>
    <border>
      <left style="dotted">
        <color indexed="64"/>
      </left>
      <right style="dotted">
        <color indexed="64"/>
      </right>
      <top style="thin">
        <color indexed="64"/>
      </top>
      <bottom style="hair">
        <color indexed="64"/>
      </bottom>
      <diagonal/>
    </border>
    <border>
      <left style="dotted">
        <color indexed="64"/>
      </left>
      <right style="thin">
        <color indexed="64"/>
      </right>
      <top style="thin">
        <color indexed="64"/>
      </top>
      <bottom style="hair">
        <color indexed="64"/>
      </bottom>
      <diagonal/>
    </border>
    <border>
      <left style="thin">
        <color indexed="64"/>
      </left>
      <right style="dotted">
        <color indexed="64"/>
      </right>
      <top style="hair">
        <color indexed="64"/>
      </top>
      <bottom style="hair">
        <color indexed="64"/>
      </bottom>
      <diagonal/>
    </border>
    <border>
      <left style="dotted">
        <color indexed="64"/>
      </left>
      <right style="thin">
        <color indexed="64"/>
      </right>
      <top style="hair">
        <color indexed="64"/>
      </top>
      <bottom style="hair">
        <color indexed="64"/>
      </bottom>
      <diagonal/>
    </border>
    <border>
      <left style="thin">
        <color indexed="64"/>
      </left>
      <right style="dotted">
        <color indexed="64"/>
      </right>
      <top style="hair">
        <color indexed="64"/>
      </top>
      <bottom style="thin">
        <color indexed="64"/>
      </bottom>
      <diagonal/>
    </border>
    <border>
      <left style="dotted">
        <color indexed="64"/>
      </left>
      <right style="dotted">
        <color indexed="64"/>
      </right>
      <top style="hair">
        <color indexed="64"/>
      </top>
      <bottom style="thin">
        <color indexed="64"/>
      </bottom>
      <diagonal/>
    </border>
    <border>
      <left style="dotted">
        <color indexed="64"/>
      </left>
      <right style="thin">
        <color indexed="64"/>
      </right>
      <top style="hair">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thin">
        <color indexed="64"/>
      </right>
      <top style="hair">
        <color indexed="64"/>
      </top>
      <bottom style="dotted">
        <color indexed="64"/>
      </bottom>
      <diagonal/>
    </border>
    <border>
      <left style="thin">
        <color indexed="64"/>
      </left>
      <right style="thin">
        <color indexed="64"/>
      </right>
      <top/>
      <bottom style="dotted">
        <color indexed="64"/>
      </bottom>
      <diagonal/>
    </border>
    <border>
      <left style="thin">
        <color indexed="64"/>
      </left>
      <right style="thin">
        <color indexed="64"/>
      </right>
      <top style="dotted">
        <color indexed="64"/>
      </top>
      <bottom style="hair">
        <color indexed="64"/>
      </bottom>
      <diagonal/>
    </border>
    <border>
      <left style="hair">
        <color indexed="64"/>
      </left>
      <right style="dotted">
        <color indexed="64"/>
      </right>
      <top style="hair">
        <color indexed="64"/>
      </top>
      <bottom style="dotted">
        <color indexed="64"/>
      </bottom>
      <diagonal/>
    </border>
    <border>
      <left style="dotted">
        <color indexed="64"/>
      </left>
      <right style="dotted">
        <color indexed="64"/>
      </right>
      <top style="hair">
        <color indexed="64"/>
      </top>
      <bottom style="dotted">
        <color indexed="64"/>
      </bottom>
      <diagonal/>
    </border>
    <border>
      <left style="dotted">
        <color indexed="64"/>
      </left>
      <right style="hair">
        <color indexed="64"/>
      </right>
      <top style="hair">
        <color indexed="64"/>
      </top>
      <bottom style="dotted">
        <color indexed="64"/>
      </bottom>
      <diagonal/>
    </border>
    <border>
      <left style="hair">
        <color indexed="64"/>
      </left>
      <right style="dotted">
        <color indexed="64"/>
      </right>
      <top style="dotted">
        <color indexed="64"/>
      </top>
      <bottom style="dotted">
        <color indexed="64"/>
      </bottom>
      <diagonal/>
    </border>
    <border>
      <left style="dotted">
        <color indexed="64"/>
      </left>
      <right style="hair">
        <color indexed="64"/>
      </right>
      <top style="dotted">
        <color indexed="64"/>
      </top>
      <bottom style="dotted">
        <color indexed="64"/>
      </bottom>
      <diagonal/>
    </border>
    <border>
      <left style="hair">
        <color indexed="64"/>
      </left>
      <right style="dotted">
        <color indexed="64"/>
      </right>
      <top style="dotted">
        <color indexed="64"/>
      </top>
      <bottom style="hair">
        <color indexed="64"/>
      </bottom>
      <diagonal/>
    </border>
    <border>
      <left style="dotted">
        <color indexed="64"/>
      </left>
      <right style="hair">
        <color indexed="64"/>
      </right>
      <top style="dotted">
        <color indexed="64"/>
      </top>
      <bottom style="hair">
        <color indexed="64"/>
      </bottom>
      <diagonal/>
    </border>
    <border>
      <left style="dotted">
        <color indexed="64"/>
      </left>
      <right style="thin">
        <color indexed="64"/>
      </right>
      <top style="hair">
        <color indexed="64"/>
      </top>
      <bottom style="dotted">
        <color indexed="64"/>
      </bottom>
      <diagonal/>
    </border>
    <border>
      <left style="dotted">
        <color indexed="64"/>
      </left>
      <right style="thin">
        <color indexed="64"/>
      </right>
      <top style="dotted">
        <color indexed="64"/>
      </top>
      <bottom style="hair">
        <color indexed="64"/>
      </bottom>
      <diagonal/>
    </border>
    <border>
      <left style="hair">
        <color indexed="64"/>
      </left>
      <right style="dotted">
        <color indexed="64"/>
      </right>
      <top style="hair">
        <color indexed="64"/>
      </top>
      <bottom/>
      <diagonal/>
    </border>
    <border>
      <left style="dotted">
        <color indexed="64"/>
      </left>
      <right style="dotted">
        <color indexed="64"/>
      </right>
      <top style="hair">
        <color indexed="64"/>
      </top>
      <bottom/>
      <diagonal/>
    </border>
    <border>
      <left style="hair">
        <color indexed="64"/>
      </left>
      <right style="dotted">
        <color indexed="64"/>
      </right>
      <top/>
      <bottom/>
      <diagonal/>
    </border>
    <border>
      <left style="hair">
        <color indexed="64"/>
      </left>
      <right style="dotted">
        <color indexed="64"/>
      </right>
      <top/>
      <bottom style="hair">
        <color indexed="64"/>
      </bottom>
      <diagonal/>
    </border>
    <border>
      <left style="dotted">
        <color indexed="64"/>
      </left>
      <right style="dotted">
        <color indexed="64"/>
      </right>
      <top/>
      <bottom style="hair">
        <color indexed="64"/>
      </bottom>
      <diagonal/>
    </border>
    <border>
      <left style="dotted">
        <color indexed="64"/>
      </left>
      <right/>
      <top style="hair">
        <color indexed="64"/>
      </top>
      <bottom/>
      <diagonal/>
    </border>
    <border>
      <left style="dotted">
        <color indexed="64"/>
      </left>
      <right/>
      <top/>
      <bottom style="hair">
        <color indexed="64"/>
      </bottom>
      <diagonal/>
    </border>
  </borders>
  <cellStyleXfs count="3">
    <xf numFmtId="0" fontId="0" fillId="0" borderId="0">
      <alignment vertical="center"/>
    </xf>
    <xf numFmtId="0" fontId="35" fillId="0" borderId="0" applyNumberFormat="0" applyFill="0" applyBorder="0" applyAlignment="0" applyProtection="0">
      <alignment vertical="center"/>
    </xf>
    <xf numFmtId="38" fontId="40" fillId="0" borderId="0" applyFont="0" applyFill="0" applyBorder="0" applyAlignment="0" applyProtection="0">
      <alignment vertical="center"/>
    </xf>
  </cellStyleXfs>
  <cellXfs count="523">
    <xf numFmtId="0" fontId="0" fillId="0" borderId="0" xfId="0">
      <alignment vertical="center"/>
    </xf>
    <xf numFmtId="0" fontId="4" fillId="0" borderId="0" xfId="0" applyFont="1">
      <alignment vertical="center"/>
    </xf>
    <xf numFmtId="0" fontId="1" fillId="0" borderId="0" xfId="0" applyFont="1" applyAlignment="1">
      <alignment horizontal="center" vertical="center"/>
    </xf>
    <xf numFmtId="0" fontId="6" fillId="0" borderId="0" xfId="0" applyFont="1" applyAlignment="1">
      <alignment vertical="center" wrapText="1" shrinkToFit="1"/>
    </xf>
    <xf numFmtId="0" fontId="7" fillId="0" borderId="0" xfId="0" applyFont="1" applyAlignment="1">
      <alignment vertical="center" shrinkToFit="1"/>
    </xf>
    <xf numFmtId="0" fontId="8" fillId="0" borderId="0" xfId="0" applyFont="1" applyBorder="1" applyAlignment="1">
      <alignment horizontal="center"/>
    </xf>
    <xf numFmtId="0" fontId="4" fillId="0" borderId="0" xfId="0" applyFont="1" applyBorder="1">
      <alignment vertical="center"/>
    </xf>
    <xf numFmtId="0" fontId="4" fillId="2" borderId="0" xfId="0" applyFont="1" applyFill="1">
      <alignment vertical="center"/>
    </xf>
    <xf numFmtId="0" fontId="4" fillId="2" borderId="0" xfId="0" applyFont="1" applyFill="1" applyAlignment="1">
      <alignment vertical="center"/>
    </xf>
    <xf numFmtId="0" fontId="12" fillId="0" borderId="0" xfId="0" applyFont="1" applyBorder="1" applyAlignment="1">
      <alignment vertical="center" shrinkToFit="1"/>
    </xf>
    <xf numFmtId="0" fontId="13" fillId="0" borderId="0" xfId="0" applyFont="1" applyBorder="1" applyAlignment="1">
      <alignment vertical="center" shrinkToFit="1"/>
    </xf>
    <xf numFmtId="0" fontId="9" fillId="2" borderId="0" xfId="0" applyFont="1" applyFill="1" applyBorder="1" applyAlignment="1">
      <alignment vertical="center" shrinkToFit="1"/>
    </xf>
    <xf numFmtId="0" fontId="4" fillId="2" borderId="0" xfId="0" applyFont="1" applyFill="1" applyBorder="1" applyAlignment="1">
      <alignment horizontal="left" vertical="center"/>
    </xf>
    <xf numFmtId="0" fontId="13" fillId="0" borderId="0" xfId="0" applyFont="1" applyBorder="1" applyAlignment="1">
      <alignment vertical="center"/>
    </xf>
    <xf numFmtId="0" fontId="4" fillId="2" borderId="0" xfId="0" applyFont="1" applyFill="1" applyBorder="1" applyAlignment="1">
      <alignment vertical="center"/>
    </xf>
    <xf numFmtId="0" fontId="9" fillId="2" borderId="0" xfId="0" applyFont="1" applyFill="1" applyBorder="1" applyAlignment="1">
      <alignment vertical="top" wrapText="1"/>
    </xf>
    <xf numFmtId="0" fontId="12" fillId="0" borderId="0" xfId="0" applyFont="1" applyBorder="1" applyAlignment="1">
      <alignment vertical="center" wrapText="1"/>
    </xf>
    <xf numFmtId="0" fontId="4" fillId="2" borderId="0" xfId="0" applyFont="1" applyFill="1" applyBorder="1" applyAlignment="1">
      <alignment horizontal="center" vertical="center" wrapText="1"/>
    </xf>
    <xf numFmtId="0" fontId="9" fillId="2" borderId="0" xfId="0" applyFont="1" applyFill="1" applyBorder="1" applyAlignment="1">
      <alignment horizontal="center" vertical="center"/>
    </xf>
    <xf numFmtId="0" fontId="9" fillId="2" borderId="0" xfId="0" applyFont="1" applyFill="1" applyBorder="1" applyAlignment="1">
      <alignment horizontal="left" vertical="center"/>
    </xf>
    <xf numFmtId="0" fontId="0" fillId="0" borderId="0" xfId="0" applyBorder="1" applyAlignment="1">
      <alignment horizontal="left" vertical="center"/>
    </xf>
    <xf numFmtId="0" fontId="5" fillId="2" borderId="0" xfId="0" applyFont="1" applyFill="1" applyBorder="1" applyAlignment="1">
      <alignment vertical="center" shrinkToFit="1"/>
    </xf>
    <xf numFmtId="0" fontId="4" fillId="2" borderId="0" xfId="0" applyFont="1" applyFill="1" applyBorder="1" applyAlignment="1">
      <alignment vertical="center" shrinkToFit="1"/>
    </xf>
    <xf numFmtId="0" fontId="4" fillId="2" borderId="0" xfId="0" applyFont="1" applyFill="1" applyBorder="1">
      <alignment vertical="center"/>
    </xf>
    <xf numFmtId="0" fontId="13" fillId="0" borderId="0" xfId="0" applyFont="1" applyBorder="1" applyAlignment="1">
      <alignment horizontal="left" vertical="center"/>
    </xf>
    <xf numFmtId="0" fontId="4" fillId="2" borderId="0" xfId="0" applyFont="1" applyFill="1" applyBorder="1" applyAlignment="1">
      <alignment horizontal="center" vertical="center" textRotation="255" shrinkToFit="1"/>
    </xf>
    <xf numFmtId="0" fontId="15" fillId="2" borderId="0" xfId="0" applyFont="1" applyFill="1" applyBorder="1" applyAlignment="1">
      <alignment horizontal="left" vertical="center" wrapText="1" shrinkToFit="1"/>
    </xf>
    <xf numFmtId="0" fontId="4" fillId="2" borderId="0" xfId="0" applyFont="1" applyFill="1" applyBorder="1" applyAlignment="1">
      <alignment horizontal="center" vertical="center" textRotation="255"/>
    </xf>
    <xf numFmtId="0" fontId="15" fillId="2" borderId="0" xfId="0" applyFont="1" applyFill="1" applyBorder="1" applyAlignment="1">
      <alignment horizontal="left" vertical="top" wrapText="1" shrinkToFit="1"/>
    </xf>
    <xf numFmtId="0" fontId="11" fillId="2" borderId="0" xfId="0" applyFont="1" applyFill="1" applyBorder="1" applyAlignment="1">
      <alignment vertical="center"/>
    </xf>
    <xf numFmtId="0" fontId="11" fillId="2" borderId="0" xfId="0" applyFont="1" applyFill="1" applyBorder="1" applyAlignment="1">
      <alignment horizontal="center" vertical="center"/>
    </xf>
    <xf numFmtId="0" fontId="13" fillId="0" borderId="0" xfId="0" applyFont="1" applyAlignment="1">
      <alignment vertical="center"/>
    </xf>
    <xf numFmtId="0" fontId="17" fillId="2" borderId="0" xfId="0" applyFont="1" applyFill="1" applyAlignment="1">
      <alignment vertical="center"/>
    </xf>
    <xf numFmtId="0" fontId="11" fillId="2" borderId="0" xfId="0" applyFont="1" applyFill="1" applyBorder="1" applyAlignment="1">
      <alignment horizontal="left" vertical="top"/>
    </xf>
    <xf numFmtId="0" fontId="4" fillId="0" borderId="0" xfId="0" applyFont="1" applyAlignment="1">
      <alignment wrapText="1"/>
    </xf>
    <xf numFmtId="0" fontId="20" fillId="0" borderId="0" xfId="0" applyFont="1" applyAlignment="1"/>
    <xf numFmtId="0" fontId="9" fillId="0" borderId="0" xfId="0" applyFont="1" applyAlignment="1"/>
    <xf numFmtId="0" fontId="9" fillId="0" borderId="0" xfId="0" applyFont="1">
      <alignment vertical="center"/>
    </xf>
    <xf numFmtId="0" fontId="4" fillId="0" borderId="0" xfId="0" applyFont="1" applyAlignment="1">
      <alignment vertical="center"/>
    </xf>
    <xf numFmtId="0" fontId="4" fillId="2" borderId="0" xfId="0" applyFont="1" applyFill="1" applyBorder="1" applyAlignment="1">
      <alignment horizontal="center" vertical="center"/>
    </xf>
    <xf numFmtId="0" fontId="4" fillId="2" borderId="0" xfId="0" applyFont="1" applyFill="1" applyBorder="1" applyAlignment="1">
      <alignment horizontal="left" vertical="center" wrapText="1"/>
    </xf>
    <xf numFmtId="0" fontId="9" fillId="2" borderId="0" xfId="0" applyFont="1" applyFill="1" applyBorder="1" applyAlignment="1">
      <alignment vertical="center"/>
    </xf>
    <xf numFmtId="0" fontId="9" fillId="2" borderId="0" xfId="0" applyFont="1" applyFill="1" applyBorder="1" applyAlignment="1">
      <alignment horizontal="left" vertical="center" wrapText="1"/>
    </xf>
    <xf numFmtId="0" fontId="23" fillId="0" borderId="0" xfId="0" applyFont="1" applyBorder="1" applyAlignment="1">
      <alignment vertical="center"/>
    </xf>
    <xf numFmtId="0" fontId="24" fillId="0" borderId="0" xfId="0" applyFont="1" applyAlignment="1">
      <alignment vertical="center"/>
    </xf>
    <xf numFmtId="0" fontId="5" fillId="2" borderId="0" xfId="0" applyFont="1" applyFill="1" applyBorder="1" applyAlignment="1">
      <alignment horizontal="left" vertical="center"/>
    </xf>
    <xf numFmtId="0" fontId="9" fillId="2" borderId="0" xfId="0" applyFont="1" applyFill="1" applyBorder="1" applyAlignment="1">
      <alignment horizontal="left" vertical="distributed"/>
    </xf>
    <xf numFmtId="0" fontId="11" fillId="2" borderId="0" xfId="0" applyFont="1" applyFill="1" applyBorder="1" applyAlignment="1">
      <alignment horizontal="left" vertical="distributed" wrapText="1"/>
    </xf>
    <xf numFmtId="0" fontId="4" fillId="2" borderId="5" xfId="0" applyFont="1" applyFill="1" applyBorder="1" applyAlignment="1">
      <alignment horizontal="center" vertical="center" textRotation="255"/>
    </xf>
    <xf numFmtId="0" fontId="9" fillId="2" borderId="0" xfId="0" applyFont="1" applyFill="1" applyBorder="1" applyAlignment="1">
      <alignment horizontal="left" vertical="top" wrapText="1"/>
    </xf>
    <xf numFmtId="0" fontId="4" fillId="2" borderId="0" xfId="0" applyFont="1" applyFill="1" applyBorder="1" applyAlignment="1">
      <alignment vertical="center" wrapText="1"/>
    </xf>
    <xf numFmtId="0" fontId="9" fillId="2" borderId="0" xfId="0" applyFont="1" applyFill="1" applyBorder="1" applyAlignment="1">
      <alignment vertical="distributed"/>
    </xf>
    <xf numFmtId="0" fontId="13" fillId="0" borderId="0" xfId="0" applyFont="1" applyBorder="1" applyAlignment="1">
      <alignment horizontal="center" vertical="center" wrapText="1"/>
    </xf>
    <xf numFmtId="0" fontId="19" fillId="2" borderId="0" xfId="0" applyFont="1" applyFill="1" applyBorder="1" applyAlignment="1">
      <alignment horizontal="left" vertical="center"/>
    </xf>
    <xf numFmtId="0" fontId="19" fillId="0" borderId="0" xfId="0" applyFont="1" applyBorder="1" applyAlignment="1">
      <alignment horizontal="left" vertical="center"/>
    </xf>
    <xf numFmtId="0" fontId="15" fillId="2" borderId="0" xfId="0" applyFont="1" applyFill="1" applyBorder="1" applyAlignment="1">
      <alignment vertical="center"/>
    </xf>
    <xf numFmtId="0" fontId="15" fillId="2" borderId="0" xfId="0" applyFont="1" applyFill="1" applyBorder="1" applyAlignment="1">
      <alignment horizontal="left" vertical="center"/>
    </xf>
    <xf numFmtId="0" fontId="15" fillId="0" borderId="0" xfId="0" applyFont="1" applyBorder="1" applyAlignment="1">
      <alignment vertical="center"/>
    </xf>
    <xf numFmtId="0" fontId="15" fillId="0" borderId="9" xfId="0" applyFont="1" applyBorder="1" applyAlignment="1">
      <alignment vertical="center"/>
    </xf>
    <xf numFmtId="0" fontId="4" fillId="2" borderId="2" xfId="0" applyFont="1" applyFill="1" applyBorder="1" applyAlignment="1">
      <alignment vertical="center"/>
    </xf>
    <xf numFmtId="0" fontId="4" fillId="2" borderId="5" xfId="0" applyFont="1" applyFill="1" applyBorder="1" applyAlignment="1">
      <alignment horizontal="center" vertical="center"/>
    </xf>
    <xf numFmtId="0" fontId="4" fillId="0" borderId="5" xfId="0" applyFont="1" applyBorder="1" applyAlignment="1">
      <alignment vertical="center"/>
    </xf>
    <xf numFmtId="0" fontId="13" fillId="0" borderId="5" xfId="0" applyFont="1" applyBorder="1" applyAlignment="1">
      <alignment horizontal="left" vertical="center"/>
    </xf>
    <xf numFmtId="0" fontId="4" fillId="2" borderId="5" xfId="0" applyFont="1" applyFill="1" applyBorder="1">
      <alignment vertical="center"/>
    </xf>
    <xf numFmtId="0" fontId="4" fillId="2" borderId="5" xfId="0" applyFont="1" applyFill="1" applyBorder="1" applyAlignment="1">
      <alignment vertical="center" wrapText="1"/>
    </xf>
    <xf numFmtId="0" fontId="4" fillId="2" borderId="5" xfId="0" applyFont="1" applyFill="1" applyBorder="1" applyAlignment="1">
      <alignment vertical="center"/>
    </xf>
    <xf numFmtId="0" fontId="9" fillId="2" borderId="5" xfId="0" applyFont="1" applyFill="1" applyBorder="1" applyAlignment="1">
      <alignment horizontal="left" vertical="distributed"/>
    </xf>
    <xf numFmtId="0" fontId="4" fillId="0" borderId="0" xfId="0" applyFont="1" applyBorder="1" applyAlignment="1">
      <alignment vertical="center"/>
    </xf>
    <xf numFmtId="0" fontId="27" fillId="2" borderId="0" xfId="0" applyFont="1" applyFill="1" applyBorder="1" applyAlignment="1">
      <alignment vertical="center"/>
    </xf>
    <xf numFmtId="0" fontId="28" fillId="2" borderId="0" xfId="0" applyFont="1" applyFill="1" applyBorder="1" applyAlignment="1">
      <alignment horizontal="left" vertical="center"/>
    </xf>
    <xf numFmtId="0" fontId="9" fillId="2" borderId="0" xfId="0" applyFont="1" applyFill="1" applyAlignment="1">
      <alignment horizontal="left" vertical="center"/>
    </xf>
    <xf numFmtId="0" fontId="28" fillId="2" borderId="0" xfId="0" applyFont="1" applyFill="1" applyBorder="1" applyAlignment="1">
      <alignment horizontal="center" vertical="center"/>
    </xf>
    <xf numFmtId="0" fontId="5" fillId="2" borderId="0" xfId="0" applyFont="1" applyFill="1" applyAlignment="1">
      <alignment horizontal="center" vertical="center"/>
    </xf>
    <xf numFmtId="0" fontId="21" fillId="2" borderId="0" xfId="0" applyFont="1" applyFill="1" applyAlignment="1">
      <alignment vertical="center"/>
    </xf>
    <xf numFmtId="0" fontId="4" fillId="2" borderId="0" xfId="0" applyFont="1" applyFill="1" applyAlignment="1">
      <alignment horizontal="left" vertical="center"/>
    </xf>
    <xf numFmtId="0" fontId="21" fillId="2" borderId="0" xfId="0" applyFont="1" applyFill="1" applyAlignment="1">
      <alignment horizontal="left" vertical="center"/>
    </xf>
    <xf numFmtId="0" fontId="4" fillId="2" borderId="0" xfId="0" applyFont="1" applyFill="1" applyBorder="1" applyAlignment="1">
      <alignment horizontal="distributed" vertical="center"/>
    </xf>
    <xf numFmtId="0" fontId="4" fillId="2" borderId="0" xfId="0" applyFont="1" applyFill="1" applyBorder="1" applyAlignment="1">
      <alignment horizontal="right" vertical="center"/>
    </xf>
    <xf numFmtId="0" fontId="34" fillId="2" borderId="0" xfId="0" applyFont="1" applyFill="1" applyBorder="1" applyAlignment="1">
      <alignment horizontal="center" vertical="center"/>
    </xf>
    <xf numFmtId="0" fontId="15" fillId="2" borderId="0" xfId="0" applyFont="1" applyFill="1" applyBorder="1" applyAlignment="1">
      <alignment horizontal="left" vertical="center" wrapText="1"/>
    </xf>
    <xf numFmtId="0" fontId="15" fillId="2" borderId="0" xfId="0" applyFont="1" applyFill="1" applyAlignment="1">
      <alignment horizontal="left" vertical="center"/>
    </xf>
    <xf numFmtId="0" fontId="15" fillId="2" borderId="0" xfId="0" applyFont="1" applyFill="1" applyBorder="1" applyAlignment="1">
      <alignment horizontal="left" vertical="distributed" wrapText="1"/>
    </xf>
    <xf numFmtId="0" fontId="9" fillId="2" borderId="0" xfId="0" applyFont="1" applyFill="1" applyBorder="1" applyAlignment="1">
      <alignment vertical="center" wrapText="1"/>
    </xf>
    <xf numFmtId="0" fontId="15" fillId="2" borderId="0" xfId="1" applyFont="1" applyFill="1" applyAlignment="1">
      <alignment vertical="center" wrapText="1"/>
    </xf>
    <xf numFmtId="0" fontId="15" fillId="2" borderId="0" xfId="0" applyFont="1" applyFill="1" applyAlignment="1">
      <alignment vertical="center"/>
    </xf>
    <xf numFmtId="0" fontId="15" fillId="2" borderId="0" xfId="0" applyFont="1" applyFill="1" applyAlignment="1">
      <alignment vertical="center" wrapText="1"/>
    </xf>
    <xf numFmtId="0" fontId="15" fillId="2" borderId="0" xfId="1" applyFont="1" applyFill="1" applyAlignment="1">
      <alignment horizontal="left" vertical="distributed" wrapText="1"/>
    </xf>
    <xf numFmtId="0" fontId="9" fillId="2" borderId="0" xfId="0" applyFont="1" applyFill="1" applyAlignment="1"/>
    <xf numFmtId="0" fontId="9" fillId="2" borderId="0" xfId="0" applyFont="1" applyFill="1" applyAlignment="1">
      <alignment vertical="center" wrapText="1"/>
    </xf>
    <xf numFmtId="0" fontId="9" fillId="2" borderId="0" xfId="0" applyFont="1" applyFill="1" applyAlignment="1">
      <alignment vertical="center"/>
    </xf>
    <xf numFmtId="0" fontId="21" fillId="2" borderId="0" xfId="0" applyFont="1" applyFill="1" applyBorder="1" applyAlignment="1">
      <alignment vertical="distributed" wrapText="1"/>
    </xf>
    <xf numFmtId="0" fontId="15" fillId="2" borderId="0" xfId="0" applyFont="1" applyFill="1" applyBorder="1" applyAlignment="1">
      <alignment vertical="distributed" wrapText="1"/>
    </xf>
    <xf numFmtId="0" fontId="9" fillId="2" borderId="0" xfId="0" applyFont="1" applyFill="1" applyAlignment="1">
      <alignment horizontal="left" vertical="center" wrapText="1"/>
    </xf>
    <xf numFmtId="0" fontId="9" fillId="2" borderId="0" xfId="0" applyFont="1" applyFill="1" applyBorder="1" applyAlignment="1">
      <alignment wrapText="1"/>
    </xf>
    <xf numFmtId="0" fontId="4" fillId="0" borderId="0" xfId="0" applyFont="1" applyBorder="1" applyAlignment="1">
      <alignment horizontal="distributed" vertical="center"/>
    </xf>
    <xf numFmtId="0" fontId="4" fillId="0" borderId="0" xfId="0" applyFont="1" applyBorder="1" applyAlignment="1">
      <alignment horizontal="center" vertical="center"/>
    </xf>
    <xf numFmtId="0" fontId="4" fillId="0" borderId="0" xfId="0" applyFont="1" applyBorder="1" applyAlignment="1">
      <alignment horizontal="right" vertical="center"/>
    </xf>
    <xf numFmtId="0" fontId="9" fillId="0" borderId="0" xfId="0" applyFont="1" applyFill="1" applyBorder="1" applyAlignment="1">
      <alignment horizontal="center" vertical="center" wrapText="1"/>
    </xf>
    <xf numFmtId="0" fontId="9" fillId="0" borderId="0" xfId="0" applyFont="1" applyFill="1" applyBorder="1" applyAlignment="1">
      <alignment vertical="center" wrapText="1"/>
    </xf>
    <xf numFmtId="0" fontId="4" fillId="2" borderId="16" xfId="0" applyFont="1" applyFill="1" applyBorder="1" applyAlignment="1">
      <alignment vertical="center"/>
    </xf>
    <xf numFmtId="0" fontId="9" fillId="0" borderId="0" xfId="0" applyFont="1" applyAlignment="1">
      <alignment wrapText="1"/>
    </xf>
    <xf numFmtId="0" fontId="9" fillId="0" borderId="0" xfId="0" applyFont="1" applyBorder="1" applyAlignment="1">
      <alignment wrapText="1"/>
    </xf>
    <xf numFmtId="0" fontId="0" fillId="0" borderId="0" xfId="0" applyAlignment="1"/>
    <xf numFmtId="0" fontId="39" fillId="0" borderId="0" xfId="0" applyFont="1" applyBorder="1" applyAlignment="1">
      <alignment horizontal="center"/>
    </xf>
    <xf numFmtId="0" fontId="39" fillId="0" borderId="0" xfId="0" applyFont="1" applyBorder="1" applyAlignment="1">
      <alignment horizontal="right" vertical="center"/>
    </xf>
    <xf numFmtId="0" fontId="39" fillId="0" borderId="0" xfId="0" applyFont="1" applyBorder="1" applyAlignment="1"/>
    <xf numFmtId="0" fontId="9" fillId="0" borderId="15" xfId="0" applyFont="1" applyBorder="1" applyAlignment="1">
      <alignment wrapText="1"/>
    </xf>
    <xf numFmtId="0" fontId="0" fillId="0" borderId="15" xfId="0" applyBorder="1" applyAlignment="1"/>
    <xf numFmtId="0" fontId="39" fillId="0" borderId="15" xfId="0" applyFont="1" applyBorder="1" applyAlignment="1">
      <alignment horizontal="center"/>
    </xf>
    <xf numFmtId="0" fontId="39" fillId="0" borderId="15" xfId="0" applyFont="1" applyBorder="1" applyAlignment="1">
      <alignment horizontal="right" vertical="center"/>
    </xf>
    <xf numFmtId="0" fontId="4" fillId="0" borderId="0" xfId="0" applyFont="1" applyBorder="1" applyAlignment="1"/>
    <xf numFmtId="0" fontId="9" fillId="0" borderId="0" xfId="0" applyFont="1" applyFill="1" applyBorder="1" applyAlignment="1">
      <alignment wrapText="1"/>
    </xf>
    <xf numFmtId="0" fontId="4" fillId="0" borderId="0" xfId="0" applyFont="1" applyFill="1" applyBorder="1" applyAlignment="1"/>
    <xf numFmtId="0" fontId="9" fillId="0" borderId="0" xfId="0" applyFont="1" applyFill="1" applyAlignment="1">
      <alignment wrapText="1"/>
    </xf>
    <xf numFmtId="0" fontId="9" fillId="0" borderId="0" xfId="0" applyFont="1" applyFill="1" applyAlignment="1"/>
    <xf numFmtId="0" fontId="9" fillId="0" borderId="0" xfId="0" applyFont="1" applyFill="1">
      <alignment vertical="center"/>
    </xf>
    <xf numFmtId="0" fontId="4" fillId="0" borderId="0" xfId="0" applyFont="1" applyFill="1" applyAlignment="1">
      <alignment vertical="center"/>
    </xf>
    <xf numFmtId="0" fontId="9" fillId="0" borderId="0" xfId="0" applyFont="1" applyAlignment="1">
      <alignment horizontal="left" wrapText="1"/>
    </xf>
    <xf numFmtId="0" fontId="9" fillId="0" borderId="0" xfId="0" applyFont="1" applyBorder="1" applyAlignment="1">
      <alignment horizontal="left" wrapText="1"/>
    </xf>
    <xf numFmtId="0" fontId="9" fillId="0" borderId="0" xfId="0" applyFont="1" applyFill="1" applyBorder="1" applyAlignment="1">
      <alignment horizontal="left" wrapText="1"/>
    </xf>
    <xf numFmtId="0" fontId="9" fillId="0" borderId="18" xfId="0" applyFont="1" applyFill="1" applyBorder="1" applyAlignment="1">
      <alignment horizontal="left" wrapText="1"/>
    </xf>
    <xf numFmtId="0" fontId="9" fillId="0" borderId="18" xfId="0" applyFont="1" applyFill="1" applyBorder="1" applyAlignment="1"/>
    <xf numFmtId="0" fontId="9" fillId="0" borderId="18" xfId="0" applyFont="1" applyFill="1" applyBorder="1">
      <alignment vertical="center"/>
    </xf>
    <xf numFmtId="0" fontId="4" fillId="0" borderId="18" xfId="0" applyFont="1" applyFill="1" applyBorder="1" applyAlignment="1">
      <alignment vertical="center"/>
    </xf>
    <xf numFmtId="0" fontId="4" fillId="0" borderId="0" xfId="0" applyFont="1" applyBorder="1" applyAlignment="1">
      <alignment wrapText="1"/>
    </xf>
    <xf numFmtId="0" fontId="9" fillId="0" borderId="19" xfId="0" applyFont="1" applyBorder="1" applyAlignment="1"/>
    <xf numFmtId="0" fontId="4" fillId="0" borderId="20" xfId="0" applyFont="1" applyBorder="1" applyAlignment="1">
      <alignment vertical="center"/>
    </xf>
    <xf numFmtId="0" fontId="4" fillId="0" borderId="20" xfId="0" applyFont="1" applyBorder="1" applyAlignment="1"/>
    <xf numFmtId="0" fontId="4" fillId="0" borderId="20" xfId="0" applyFont="1" applyBorder="1" applyAlignment="1">
      <alignment wrapText="1"/>
    </xf>
    <xf numFmtId="0" fontId="4" fillId="0" borderId="21" xfId="0" applyFont="1" applyBorder="1" applyAlignment="1">
      <alignment wrapText="1"/>
    </xf>
    <xf numFmtId="0" fontId="9" fillId="0" borderId="20" xfId="0" applyFont="1" applyBorder="1" applyAlignment="1"/>
    <xf numFmtId="0" fontId="9" fillId="0" borderId="20" xfId="0" applyFont="1" applyBorder="1">
      <alignment vertical="center"/>
    </xf>
    <xf numFmtId="0" fontId="9" fillId="0" borderId="21" xfId="0" applyFont="1" applyBorder="1" applyAlignment="1"/>
    <xf numFmtId="0" fontId="9" fillId="0" borderId="22" xfId="0" applyFont="1" applyBorder="1" applyAlignment="1"/>
    <xf numFmtId="0" fontId="5" fillId="2" borderId="0" xfId="0" applyFont="1" applyFill="1" applyBorder="1" applyAlignment="1"/>
    <xf numFmtId="0" fontId="4" fillId="2" borderId="0" xfId="0" applyFont="1" applyFill="1" applyBorder="1" applyAlignment="1">
      <alignment vertical="center"/>
    </xf>
    <xf numFmtId="0" fontId="4" fillId="0" borderId="0" xfId="0" applyFont="1" applyBorder="1" applyAlignment="1"/>
    <xf numFmtId="0" fontId="4" fillId="2" borderId="0" xfId="0" applyFont="1" applyFill="1" applyBorder="1" applyAlignment="1">
      <alignment horizontal="left" vertical="top" wrapText="1"/>
    </xf>
    <xf numFmtId="0" fontId="21" fillId="2" borderId="0" xfId="0" applyFont="1" applyFill="1" applyBorder="1" applyAlignment="1">
      <alignment vertical="center" wrapText="1"/>
    </xf>
    <xf numFmtId="0" fontId="21" fillId="2" borderId="2" xfId="0" applyFont="1" applyFill="1" applyBorder="1" applyAlignment="1">
      <alignment vertical="center" wrapText="1"/>
    </xf>
    <xf numFmtId="38" fontId="21" fillId="2" borderId="0" xfId="2" applyFont="1" applyFill="1" applyBorder="1" applyAlignment="1">
      <alignment vertical="center" wrapText="1"/>
    </xf>
    <xf numFmtId="0" fontId="4" fillId="2" borderId="15" xfId="0" applyFont="1" applyFill="1" applyBorder="1" applyAlignment="1">
      <alignment vertical="center"/>
    </xf>
    <xf numFmtId="0" fontId="21" fillId="2" borderId="15" xfId="0" applyFont="1" applyFill="1" applyBorder="1" applyAlignment="1">
      <alignment vertical="center" wrapText="1"/>
    </xf>
    <xf numFmtId="38" fontId="4" fillId="2" borderId="0" xfId="2" applyFont="1" applyFill="1" applyBorder="1" applyAlignment="1">
      <alignment vertical="center"/>
    </xf>
    <xf numFmtId="38" fontId="21" fillId="2" borderId="56" xfId="2" applyFont="1" applyFill="1" applyBorder="1" applyAlignment="1">
      <alignment vertical="center" wrapText="1"/>
    </xf>
    <xf numFmtId="0" fontId="21" fillId="2" borderId="44" xfId="0" applyFont="1" applyFill="1" applyBorder="1" applyAlignment="1">
      <alignment vertical="center" wrapText="1"/>
    </xf>
    <xf numFmtId="0" fontId="4" fillId="2" borderId="44" xfId="0" applyFont="1" applyFill="1" applyBorder="1" applyAlignment="1">
      <alignment vertical="center"/>
    </xf>
    <xf numFmtId="0" fontId="4" fillId="2" borderId="56" xfId="0" applyFont="1" applyFill="1" applyBorder="1" applyAlignment="1">
      <alignment vertical="center"/>
    </xf>
    <xf numFmtId="0" fontId="21" fillId="2" borderId="56" xfId="0" applyFont="1" applyFill="1" applyBorder="1" applyAlignment="1">
      <alignment vertical="center" wrapText="1"/>
    </xf>
    <xf numFmtId="0" fontId="4" fillId="2" borderId="36" xfId="0" applyFont="1" applyFill="1" applyBorder="1" applyAlignment="1">
      <alignment vertical="center"/>
    </xf>
    <xf numFmtId="0" fontId="21" fillId="2" borderId="37" xfId="0" applyFont="1" applyFill="1" applyBorder="1" applyAlignment="1">
      <alignment vertical="center" wrapText="1"/>
    </xf>
    <xf numFmtId="0" fontId="21" fillId="2" borderId="42" xfId="0" applyFont="1" applyFill="1" applyBorder="1" applyAlignment="1">
      <alignment vertical="center" wrapText="1"/>
    </xf>
    <xf numFmtId="38" fontId="21" fillId="2" borderId="36" xfId="2" applyFont="1" applyFill="1" applyBorder="1" applyAlignment="1">
      <alignment vertical="center" wrapText="1"/>
    </xf>
    <xf numFmtId="38" fontId="21" fillId="2" borderId="15" xfId="2" applyFont="1" applyFill="1" applyBorder="1" applyAlignment="1">
      <alignment vertical="center" wrapText="1"/>
    </xf>
    <xf numFmtId="0" fontId="21" fillId="2" borderId="22" xfId="0" applyFont="1" applyFill="1" applyBorder="1" applyAlignment="1">
      <alignment vertical="center" wrapText="1"/>
    </xf>
    <xf numFmtId="0" fontId="4" fillId="2" borderId="22" xfId="0" applyFont="1" applyFill="1" applyBorder="1" applyAlignment="1">
      <alignment vertical="center"/>
    </xf>
    <xf numFmtId="0" fontId="4" fillId="2" borderId="35" xfId="0" applyFont="1" applyFill="1" applyBorder="1" applyAlignment="1">
      <alignment vertical="center"/>
    </xf>
    <xf numFmtId="0" fontId="4" fillId="2" borderId="34" xfId="0" applyFont="1" applyFill="1" applyBorder="1" applyAlignment="1">
      <alignment vertical="center"/>
    </xf>
    <xf numFmtId="0" fontId="4" fillId="2" borderId="68" xfId="0" applyFont="1" applyFill="1" applyBorder="1" applyAlignment="1">
      <alignment vertical="center"/>
    </xf>
    <xf numFmtId="38" fontId="21" fillId="2" borderId="70" xfId="2" applyFont="1" applyFill="1" applyBorder="1" applyAlignment="1">
      <alignment vertical="center" wrapText="1"/>
    </xf>
    <xf numFmtId="38" fontId="21" fillId="2" borderId="69" xfId="2" applyFont="1" applyFill="1" applyBorder="1" applyAlignment="1">
      <alignment vertical="center" wrapText="1"/>
    </xf>
    <xf numFmtId="0" fontId="21" fillId="2" borderId="69" xfId="0" applyFont="1" applyFill="1" applyBorder="1" applyAlignment="1">
      <alignment vertical="center" wrapText="1"/>
    </xf>
    <xf numFmtId="0" fontId="4" fillId="2" borderId="60" xfId="0" applyFont="1" applyFill="1" applyBorder="1" applyAlignment="1">
      <alignment vertical="center"/>
    </xf>
    <xf numFmtId="0" fontId="21" fillId="2" borderId="71" xfId="0" applyFont="1" applyFill="1" applyBorder="1" applyAlignment="1">
      <alignment vertical="center" wrapText="1"/>
    </xf>
    <xf numFmtId="38" fontId="4" fillId="2" borderId="22" xfId="2" applyFont="1" applyFill="1" applyBorder="1" applyAlignment="1">
      <alignment vertical="center"/>
    </xf>
    <xf numFmtId="0" fontId="21" fillId="2" borderId="35" xfId="0" applyFont="1" applyFill="1" applyBorder="1" applyAlignment="1">
      <alignment vertical="center" wrapText="1"/>
    </xf>
    <xf numFmtId="0" fontId="21" fillId="2" borderId="90" xfId="0" applyFont="1" applyFill="1" applyBorder="1" applyAlignment="1">
      <alignment vertical="center" wrapText="1"/>
    </xf>
    <xf numFmtId="0" fontId="21" fillId="2" borderId="24" xfId="0" applyFont="1" applyFill="1" applyBorder="1" applyAlignment="1">
      <alignment vertical="center" wrapText="1"/>
    </xf>
    <xf numFmtId="0" fontId="21" fillId="2" borderId="25" xfId="0" applyFont="1" applyFill="1" applyBorder="1" applyAlignment="1">
      <alignment vertical="center" wrapText="1"/>
    </xf>
    <xf numFmtId="0" fontId="21" fillId="2" borderId="70" xfId="0" applyFont="1" applyFill="1" applyBorder="1" applyAlignment="1">
      <alignment vertical="center" wrapText="1"/>
    </xf>
    <xf numFmtId="38" fontId="4" fillId="2" borderId="96" xfId="2" applyFont="1" applyFill="1" applyBorder="1" applyAlignment="1">
      <alignment vertical="center"/>
    </xf>
    <xf numFmtId="38" fontId="4" fillId="2" borderId="24" xfId="2" applyFont="1" applyFill="1" applyBorder="1" applyAlignment="1">
      <alignment vertical="center"/>
    </xf>
    <xf numFmtId="38" fontId="4" fillId="2" borderId="34" xfId="2" applyFont="1" applyFill="1" applyBorder="1" applyAlignment="1">
      <alignment vertical="center"/>
    </xf>
    <xf numFmtId="38" fontId="4" fillId="2" borderId="98" xfId="2" applyFont="1" applyFill="1" applyBorder="1" applyAlignment="1">
      <alignment vertical="center"/>
    </xf>
    <xf numFmtId="0" fontId="21" fillId="2" borderId="34" xfId="0" applyFont="1" applyFill="1" applyBorder="1" applyAlignment="1">
      <alignment vertical="center" wrapText="1"/>
    </xf>
    <xf numFmtId="0" fontId="21" fillId="2" borderId="68" xfId="0" applyFont="1" applyFill="1" applyBorder="1" applyAlignment="1">
      <alignment vertical="center" wrapText="1"/>
    </xf>
    <xf numFmtId="0" fontId="5" fillId="2" borderId="0" xfId="0" applyFont="1" applyFill="1" applyBorder="1" applyAlignment="1">
      <alignment horizontal="left" vertical="distributed"/>
    </xf>
    <xf numFmtId="0" fontId="5" fillId="2" borderId="0" xfId="0" applyFont="1" applyFill="1" applyBorder="1" applyAlignment="1">
      <alignment vertical="center" wrapText="1"/>
    </xf>
    <xf numFmtId="0" fontId="5" fillId="2" borderId="0" xfId="0" applyFont="1" applyFill="1" applyBorder="1" applyAlignment="1">
      <alignment vertical="center"/>
    </xf>
    <xf numFmtId="0" fontId="5" fillId="2" borderId="0" xfId="0" applyFont="1" applyFill="1" applyBorder="1" applyAlignment="1">
      <alignment horizontal="center" vertical="center" textRotation="255"/>
    </xf>
    <xf numFmtId="0" fontId="5" fillId="2" borderId="0" xfId="0" applyFont="1" applyFill="1" applyAlignment="1">
      <alignment vertical="center"/>
    </xf>
    <xf numFmtId="0" fontId="42" fillId="0" borderId="0" xfId="0" applyFont="1">
      <alignment vertical="center"/>
    </xf>
    <xf numFmtId="0" fontId="5" fillId="2" borderId="0" xfId="0" applyFont="1" applyFill="1" applyAlignment="1">
      <alignment horizontal="left" vertical="center"/>
    </xf>
    <xf numFmtId="0" fontId="41" fillId="0" borderId="0" xfId="0" applyFont="1" applyAlignment="1">
      <alignment horizontal="left" vertical="center"/>
    </xf>
    <xf numFmtId="0" fontId="9" fillId="2" borderId="27" xfId="0" applyFont="1" applyFill="1" applyBorder="1" applyAlignment="1">
      <alignment horizontal="center" vertical="center" wrapText="1"/>
    </xf>
    <xf numFmtId="0" fontId="9" fillId="2" borderId="28" xfId="0" applyFont="1" applyFill="1" applyBorder="1" applyAlignment="1">
      <alignment horizontal="center" vertical="center" wrapText="1"/>
    </xf>
    <xf numFmtId="0" fontId="9" fillId="2" borderId="86" xfId="0" applyFont="1" applyFill="1" applyBorder="1" applyAlignment="1">
      <alignment horizontal="center" vertical="center" wrapText="1"/>
    </xf>
    <xf numFmtId="0" fontId="9" fillId="2" borderId="130" xfId="0" applyFont="1" applyFill="1" applyBorder="1" applyAlignment="1">
      <alignment horizontal="center" vertical="center" wrapText="1"/>
    </xf>
    <xf numFmtId="0" fontId="9" fillId="2" borderId="126" xfId="0" applyFont="1" applyFill="1" applyBorder="1" applyAlignment="1">
      <alignment horizontal="center" vertical="center" wrapText="1"/>
    </xf>
    <xf numFmtId="0" fontId="15" fillId="2" borderId="120" xfId="0" applyFont="1" applyFill="1" applyBorder="1" applyAlignment="1">
      <alignment horizontal="center" vertical="center" wrapText="1" shrinkToFit="1"/>
    </xf>
    <xf numFmtId="0" fontId="15" fillId="2" borderId="29" xfId="0" applyFont="1" applyFill="1" applyBorder="1" applyAlignment="1">
      <alignment horizontal="center" vertical="center" wrapText="1" shrinkToFit="1"/>
    </xf>
    <xf numFmtId="0" fontId="15" fillId="2" borderId="118" xfId="0" applyFont="1" applyFill="1" applyBorder="1" applyAlignment="1">
      <alignment horizontal="center" vertical="center" wrapText="1" shrinkToFit="1"/>
    </xf>
    <xf numFmtId="0" fontId="9" fillId="2" borderId="123" xfId="0" applyFont="1" applyFill="1" applyBorder="1" applyAlignment="1">
      <alignment horizontal="center" vertical="center" wrapText="1"/>
    </xf>
    <xf numFmtId="0" fontId="9" fillId="2" borderId="124" xfId="0" applyFont="1" applyFill="1" applyBorder="1" applyAlignment="1">
      <alignment horizontal="center" vertical="center" wrapText="1"/>
    </xf>
    <xf numFmtId="0" fontId="15" fillId="2" borderId="40" xfId="0" applyFont="1" applyFill="1" applyBorder="1" applyAlignment="1">
      <alignment horizontal="center" vertical="center"/>
    </xf>
    <xf numFmtId="0" fontId="15" fillId="2" borderId="22" xfId="0" applyFont="1" applyFill="1" applyBorder="1" applyAlignment="1">
      <alignment horizontal="center" vertical="center"/>
    </xf>
    <xf numFmtId="0" fontId="15" fillId="2" borderId="41" xfId="0" applyFont="1" applyFill="1" applyBorder="1" applyAlignment="1">
      <alignment horizontal="center" vertical="center"/>
    </xf>
    <xf numFmtId="0" fontId="15" fillId="2" borderId="7" xfId="0" applyFont="1" applyFill="1" applyBorder="1" applyAlignment="1">
      <alignment horizontal="center" vertical="center"/>
    </xf>
    <xf numFmtId="0" fontId="15" fillId="2" borderId="2" xfId="0" applyFont="1" applyFill="1" applyBorder="1" applyAlignment="1">
      <alignment horizontal="center" vertical="center"/>
    </xf>
    <xf numFmtId="0" fontId="15" fillId="2" borderId="8" xfId="0" applyFont="1" applyFill="1" applyBorder="1" applyAlignment="1">
      <alignment horizontal="center" vertical="center"/>
    </xf>
    <xf numFmtId="0" fontId="15" fillId="2" borderId="35" xfId="0" applyFont="1" applyFill="1" applyBorder="1" applyAlignment="1">
      <alignment horizontal="center" vertical="center"/>
    </xf>
    <xf numFmtId="0" fontId="15" fillId="2" borderId="42" xfId="0" applyFont="1" applyFill="1" applyBorder="1" applyAlignment="1">
      <alignment horizontal="center" vertical="center"/>
    </xf>
    <xf numFmtId="38" fontId="15" fillId="2" borderId="111" xfId="2" applyFont="1" applyFill="1" applyBorder="1" applyAlignment="1">
      <alignment horizontal="center" vertical="center" wrapText="1" shrinkToFit="1"/>
    </xf>
    <xf numFmtId="38" fontId="15" fillId="2" borderId="108" xfId="2" applyFont="1" applyFill="1" applyBorder="1" applyAlignment="1">
      <alignment horizontal="center" vertical="center" wrapText="1" shrinkToFit="1"/>
    </xf>
    <xf numFmtId="0" fontId="15" fillId="2" borderId="111" xfId="0" applyFont="1" applyFill="1" applyBorder="1" applyAlignment="1">
      <alignment horizontal="center" vertical="center" wrapText="1" shrinkToFit="1"/>
    </xf>
    <xf numFmtId="0" fontId="15" fillId="2" borderId="108" xfId="0" applyFont="1" applyFill="1" applyBorder="1" applyAlignment="1">
      <alignment horizontal="center" vertical="center" wrapText="1" shrinkToFit="1"/>
    </xf>
    <xf numFmtId="0" fontId="15" fillId="2" borderId="112" xfId="0" applyFont="1" applyFill="1" applyBorder="1" applyAlignment="1">
      <alignment horizontal="center" vertical="center" wrapText="1" shrinkToFit="1"/>
    </xf>
    <xf numFmtId="0" fontId="15" fillId="2" borderId="114" xfId="0" applyFont="1" applyFill="1" applyBorder="1" applyAlignment="1">
      <alignment horizontal="center" vertical="center" wrapText="1" shrinkToFit="1"/>
    </xf>
    <xf numFmtId="0" fontId="5" fillId="2" borderId="0" xfId="0" applyFont="1" applyFill="1" applyBorder="1" applyAlignment="1"/>
    <xf numFmtId="0" fontId="15" fillId="2" borderId="38" xfId="0" applyFont="1" applyFill="1" applyBorder="1" applyAlignment="1">
      <alignment horizontal="center" vertical="center" wrapText="1"/>
    </xf>
    <xf numFmtId="0" fontId="15" fillId="2" borderId="39" xfId="0" applyFont="1" applyFill="1" applyBorder="1" applyAlignment="1">
      <alignment horizontal="center" vertical="center" wrapText="1"/>
    </xf>
    <xf numFmtId="0" fontId="15" fillId="2" borderId="33" xfId="0" applyFont="1" applyFill="1" applyBorder="1" applyAlignment="1">
      <alignment horizontal="center" vertical="center" wrapText="1"/>
    </xf>
    <xf numFmtId="0" fontId="15" fillId="2" borderId="1" xfId="0" applyFont="1" applyFill="1" applyBorder="1" applyAlignment="1">
      <alignment horizontal="center" vertical="center" wrapText="1"/>
    </xf>
    <xf numFmtId="0" fontId="4" fillId="2" borderId="122" xfId="0" applyFont="1" applyFill="1" applyBorder="1" applyAlignment="1">
      <alignment horizontal="center" vertical="center"/>
    </xf>
    <xf numFmtId="0" fontId="4" fillId="2" borderId="123" xfId="0" applyFont="1" applyFill="1" applyBorder="1" applyAlignment="1">
      <alignment horizontal="center" vertical="center"/>
    </xf>
    <xf numFmtId="0" fontId="4" fillId="2" borderId="125" xfId="0" applyFont="1" applyFill="1" applyBorder="1" applyAlignment="1">
      <alignment horizontal="center" vertical="center"/>
    </xf>
    <xf numFmtId="0" fontId="4" fillId="2" borderId="27" xfId="0" applyFont="1" applyFill="1" applyBorder="1" applyAlignment="1">
      <alignment horizontal="center" vertical="center"/>
    </xf>
    <xf numFmtId="0" fontId="9" fillId="2" borderId="128" xfId="0" applyFont="1" applyFill="1" applyBorder="1" applyAlignment="1">
      <alignment horizontal="center" vertical="center" wrapText="1"/>
    </xf>
    <xf numFmtId="0" fontId="9" fillId="2" borderId="129" xfId="0" applyFont="1" applyFill="1" applyBorder="1" applyAlignment="1">
      <alignment horizontal="center" vertical="center" wrapText="1"/>
    </xf>
    <xf numFmtId="0" fontId="15" fillId="2" borderId="1" xfId="0" applyFont="1" applyFill="1" applyBorder="1" applyAlignment="1">
      <alignment horizontal="left" vertical="center" wrapText="1" shrinkToFit="1"/>
    </xf>
    <xf numFmtId="0" fontId="15" fillId="2" borderId="113" xfId="0" applyFont="1" applyFill="1" applyBorder="1" applyAlignment="1">
      <alignment horizontal="left" vertical="center" wrapText="1" shrinkToFit="1"/>
    </xf>
    <xf numFmtId="0" fontId="15" fillId="2" borderId="108" xfId="0" applyFont="1" applyFill="1" applyBorder="1" applyAlignment="1">
      <alignment horizontal="left" vertical="center" wrapText="1" shrinkToFit="1"/>
    </xf>
    <xf numFmtId="0" fontId="15" fillId="2" borderId="116" xfId="0" applyFont="1" applyFill="1" applyBorder="1" applyAlignment="1">
      <alignment horizontal="center" vertical="center" wrapText="1" shrinkToFit="1"/>
    </xf>
    <xf numFmtId="0" fontId="15" fillId="2" borderId="117" xfId="0" applyFont="1" applyFill="1" applyBorder="1" applyAlignment="1">
      <alignment horizontal="center" vertical="center" wrapText="1" shrinkToFit="1"/>
    </xf>
    <xf numFmtId="0" fontId="15" fillId="2" borderId="101" xfId="0" applyFont="1" applyFill="1" applyBorder="1" applyAlignment="1">
      <alignment horizontal="center" vertical="center" wrapText="1" shrinkToFit="1"/>
    </xf>
    <xf numFmtId="0" fontId="15" fillId="2" borderId="119" xfId="0" applyFont="1" applyFill="1" applyBorder="1" applyAlignment="1">
      <alignment vertical="center" wrapText="1" shrinkToFit="1"/>
    </xf>
    <xf numFmtId="0" fontId="15" fillId="2" borderId="29" xfId="0" applyFont="1" applyFill="1" applyBorder="1" applyAlignment="1">
      <alignment vertical="center" wrapText="1" shrinkToFit="1"/>
    </xf>
    <xf numFmtId="0" fontId="9" fillId="0" borderId="0" xfId="0" applyFont="1" applyBorder="1" applyAlignment="1">
      <alignment horizontal="center" wrapText="1"/>
    </xf>
    <xf numFmtId="0" fontId="4" fillId="0" borderId="0" xfId="0" applyFont="1" applyBorder="1" applyAlignment="1">
      <alignment horizontal="left" wrapText="1"/>
    </xf>
    <xf numFmtId="0" fontId="9" fillId="2" borderId="33" xfId="0" applyNumberFormat="1" applyFont="1" applyFill="1" applyBorder="1" applyAlignment="1">
      <alignment horizontal="center" vertical="center" wrapText="1" shrinkToFit="1"/>
    </xf>
    <xf numFmtId="0" fontId="9" fillId="2" borderId="1" xfId="0" applyNumberFormat="1" applyFont="1" applyFill="1" applyBorder="1" applyAlignment="1">
      <alignment horizontal="center" vertical="center" wrapText="1" shrinkToFit="1"/>
    </xf>
    <xf numFmtId="0" fontId="9" fillId="2" borderId="1" xfId="0" applyFont="1" applyFill="1" applyBorder="1" applyAlignment="1">
      <alignment horizontal="right" wrapText="1"/>
    </xf>
    <xf numFmtId="0" fontId="9" fillId="2" borderId="31" xfId="0" applyFont="1" applyFill="1" applyBorder="1" applyAlignment="1">
      <alignment horizontal="right" wrapText="1"/>
    </xf>
    <xf numFmtId="0" fontId="9" fillId="2" borderId="10" xfId="0" applyFont="1" applyFill="1" applyBorder="1" applyAlignment="1">
      <alignment horizontal="right" wrapText="1"/>
    </xf>
    <xf numFmtId="0" fontId="9" fillId="2" borderId="45" xfId="0" applyFont="1" applyFill="1" applyBorder="1" applyAlignment="1">
      <alignment horizontal="right" wrapText="1"/>
    </xf>
    <xf numFmtId="0" fontId="11" fillId="2" borderId="11" xfId="0" applyFont="1" applyFill="1" applyBorder="1" applyAlignment="1">
      <alignment shrinkToFit="1"/>
    </xf>
    <xf numFmtId="0" fontId="11" fillId="2" borderId="46" xfId="0" applyFont="1" applyFill="1" applyBorder="1" applyAlignment="1">
      <alignment shrinkToFit="1"/>
    </xf>
    <xf numFmtId="0" fontId="11" fillId="2" borderId="1" xfId="0" applyFont="1" applyFill="1" applyBorder="1" applyAlignment="1">
      <alignment shrinkToFit="1"/>
    </xf>
    <xf numFmtId="0" fontId="11" fillId="2" borderId="31" xfId="0" applyFont="1" applyFill="1" applyBorder="1" applyAlignment="1">
      <alignment shrinkToFit="1"/>
    </xf>
    <xf numFmtId="0" fontId="4" fillId="2" borderId="33" xfId="0" applyFont="1" applyFill="1" applyBorder="1" applyAlignment="1">
      <alignment horizontal="center" vertical="center"/>
    </xf>
    <xf numFmtId="0" fontId="4" fillId="2" borderId="1" xfId="0" applyFont="1" applyFill="1" applyBorder="1" applyAlignment="1">
      <alignment horizontal="center" vertical="center"/>
    </xf>
    <xf numFmtId="0" fontId="4" fillId="2" borderId="47" xfId="0" applyFont="1" applyFill="1" applyBorder="1" applyAlignment="1">
      <alignment horizontal="center" vertical="center"/>
    </xf>
    <xf numFmtId="0" fontId="4" fillId="2" borderId="48" xfId="0" applyFont="1" applyFill="1" applyBorder="1" applyAlignment="1">
      <alignment horizontal="center" vertical="center"/>
    </xf>
    <xf numFmtId="0" fontId="4" fillId="2" borderId="1" xfId="0" applyFont="1" applyFill="1" applyBorder="1" applyAlignment="1">
      <alignment horizontal="left" vertical="center" wrapText="1"/>
    </xf>
    <xf numFmtId="0" fontId="4" fillId="2" borderId="31" xfId="0" applyFont="1" applyFill="1" applyBorder="1" applyAlignment="1">
      <alignment horizontal="left" vertical="center" wrapText="1"/>
    </xf>
    <xf numFmtId="0" fontId="4" fillId="2" borderId="48" xfId="0" applyFont="1" applyFill="1" applyBorder="1" applyAlignment="1">
      <alignment horizontal="left" vertical="center" wrapText="1"/>
    </xf>
    <xf numFmtId="0" fontId="4" fillId="2" borderId="49" xfId="0" applyFont="1" applyFill="1" applyBorder="1" applyAlignment="1">
      <alignment horizontal="left" vertical="center" wrapText="1"/>
    </xf>
    <xf numFmtId="0" fontId="4" fillId="2" borderId="33" xfId="0" applyFont="1" applyFill="1" applyBorder="1" applyAlignment="1">
      <alignment horizontal="center" vertical="center" wrapText="1" shrinkToFit="1"/>
    </xf>
    <xf numFmtId="0" fontId="4" fillId="2" borderId="1" xfId="0" applyFont="1" applyFill="1" applyBorder="1" applyAlignment="1">
      <alignment horizontal="center" vertical="center" wrapText="1" shrinkToFit="1"/>
    </xf>
    <xf numFmtId="0" fontId="4" fillId="0" borderId="1" xfId="0" applyFont="1" applyFill="1" applyBorder="1" applyAlignment="1">
      <alignment horizontal="center" vertical="center" shrinkToFit="1"/>
    </xf>
    <xf numFmtId="0" fontId="19" fillId="0" borderId="1" xfId="0" applyFont="1" applyBorder="1" applyAlignment="1">
      <alignment vertical="center"/>
    </xf>
    <xf numFmtId="0" fontId="4" fillId="0" borderId="31" xfId="0" applyFont="1" applyFill="1" applyBorder="1" applyAlignment="1">
      <alignment horizontal="center" vertical="center" shrinkToFit="1"/>
    </xf>
    <xf numFmtId="0" fontId="4" fillId="2" borderId="131" xfId="0" applyFont="1" applyFill="1" applyBorder="1" applyAlignment="1">
      <alignment horizontal="center" vertical="center" wrapText="1"/>
    </xf>
    <xf numFmtId="0" fontId="4" fillId="2" borderId="132" xfId="0" applyFont="1" applyFill="1" applyBorder="1" applyAlignment="1">
      <alignment horizontal="center" vertical="center" wrapText="1"/>
    </xf>
    <xf numFmtId="0" fontId="4" fillId="2" borderId="133" xfId="0" applyFont="1" applyFill="1" applyBorder="1" applyAlignment="1">
      <alignment horizontal="center" vertical="center" wrapText="1"/>
    </xf>
    <xf numFmtId="0" fontId="4" fillId="2" borderId="77" xfId="0" applyFont="1" applyFill="1" applyBorder="1" applyAlignment="1">
      <alignment horizontal="center" vertical="center" wrapText="1"/>
    </xf>
    <xf numFmtId="0" fontId="4" fillId="2" borderId="134" xfId="0" applyFont="1" applyFill="1" applyBorder="1" applyAlignment="1">
      <alignment horizontal="center" vertical="center" wrapText="1"/>
    </xf>
    <xf numFmtId="0" fontId="4" fillId="2" borderId="135" xfId="0" applyFont="1" applyFill="1" applyBorder="1" applyAlignment="1">
      <alignment horizontal="center" vertical="center" wrapText="1"/>
    </xf>
    <xf numFmtId="0" fontId="4" fillId="2" borderId="132" xfId="0" applyFont="1" applyFill="1" applyBorder="1" applyAlignment="1">
      <alignment horizontal="left" wrapText="1"/>
    </xf>
    <xf numFmtId="0" fontId="4" fillId="2" borderId="77" xfId="0" applyFont="1" applyFill="1" applyBorder="1" applyAlignment="1">
      <alignment horizontal="left" wrapText="1"/>
    </xf>
    <xf numFmtId="0" fontId="4" fillId="2" borderId="135" xfId="0" applyFont="1" applyFill="1" applyBorder="1" applyAlignment="1">
      <alignment horizontal="left" wrapText="1"/>
    </xf>
    <xf numFmtId="0" fontId="4" fillId="0" borderId="1" xfId="0" applyFont="1" applyFill="1" applyBorder="1" applyAlignment="1">
      <alignment horizontal="left" vertical="center" wrapText="1"/>
    </xf>
    <xf numFmtId="0" fontId="4" fillId="0" borderId="31" xfId="0" applyFont="1" applyFill="1" applyBorder="1" applyAlignment="1">
      <alignment horizontal="left" vertical="center" wrapText="1"/>
    </xf>
    <xf numFmtId="0" fontId="15" fillId="2" borderId="26" xfId="0" applyFont="1" applyFill="1" applyBorder="1" applyAlignment="1">
      <alignment horizontal="center" vertical="center" textRotation="255" shrinkToFit="1"/>
    </xf>
    <xf numFmtId="0" fontId="15" fillId="2" borderId="26" xfId="0" applyFont="1" applyFill="1" applyBorder="1" applyAlignment="1">
      <alignment horizontal="center" vertical="center" textRotation="255"/>
    </xf>
    <xf numFmtId="0" fontId="15" fillId="2" borderId="110" xfId="0" applyFont="1" applyFill="1" applyBorder="1" applyAlignment="1">
      <alignment horizontal="left" vertical="center" wrapText="1" shrinkToFit="1"/>
    </xf>
    <xf numFmtId="0" fontId="15" fillId="2" borderId="111" xfId="0" applyFont="1" applyFill="1" applyBorder="1" applyAlignment="1">
      <alignment horizontal="left" vertical="center" wrapText="1" shrinkToFit="1"/>
    </xf>
    <xf numFmtId="0" fontId="4" fillId="2" borderId="127" xfId="0" applyFont="1" applyFill="1" applyBorder="1" applyAlignment="1">
      <alignment horizontal="center" vertical="center"/>
    </xf>
    <xf numFmtId="0" fontId="4" fillId="2" borderId="86" xfId="0" applyFont="1" applyFill="1" applyBorder="1" applyAlignment="1">
      <alignment horizontal="center" vertical="center"/>
    </xf>
    <xf numFmtId="0" fontId="15" fillId="2" borderId="115" xfId="0" applyFont="1" applyFill="1" applyBorder="1" applyAlignment="1">
      <alignment horizontal="left" vertical="center" wrapText="1" shrinkToFit="1"/>
    </xf>
    <xf numFmtId="0" fontId="15" fillId="2" borderId="116" xfId="0" applyFont="1" applyFill="1" applyBorder="1" applyAlignment="1">
      <alignment horizontal="left" vertical="center" wrapText="1" shrinkToFit="1"/>
    </xf>
    <xf numFmtId="0" fontId="15" fillId="2" borderId="67" xfId="0" applyFont="1" applyFill="1" applyBorder="1" applyAlignment="1">
      <alignment vertical="center" wrapText="1" shrinkToFit="1"/>
    </xf>
    <xf numFmtId="0" fontId="15" fillId="2" borderId="121" xfId="0" applyFont="1" applyFill="1" applyBorder="1" applyAlignment="1">
      <alignment vertical="center" wrapText="1" shrinkToFit="1"/>
    </xf>
    <xf numFmtId="0" fontId="15" fillId="2" borderId="120" xfId="0" applyFont="1" applyFill="1" applyBorder="1" applyAlignment="1">
      <alignment vertical="center" wrapText="1" shrinkToFit="1"/>
    </xf>
    <xf numFmtId="0" fontId="15" fillId="2" borderId="101" xfId="0" applyFont="1" applyFill="1" applyBorder="1" applyAlignment="1">
      <alignment vertical="center" wrapText="1" shrinkToFit="1"/>
    </xf>
    <xf numFmtId="0" fontId="9" fillId="2" borderId="26" xfId="0" applyFont="1" applyFill="1" applyBorder="1" applyAlignment="1">
      <alignment horizontal="left" vertical="top" wrapText="1"/>
    </xf>
    <xf numFmtId="0" fontId="4" fillId="2" borderId="26" xfId="0" applyFont="1" applyFill="1" applyBorder="1" applyAlignment="1">
      <alignment horizontal="center" vertical="center" wrapText="1"/>
    </xf>
    <xf numFmtId="0" fontId="4" fillId="2" borderId="26" xfId="0" applyFont="1" applyFill="1" applyBorder="1" applyAlignment="1">
      <alignment horizontal="left" vertical="center"/>
    </xf>
    <xf numFmtId="0" fontId="0" fillId="0" borderId="26" xfId="0" applyBorder="1" applyAlignment="1">
      <alignment horizontal="left" vertical="center"/>
    </xf>
    <xf numFmtId="0" fontId="0" fillId="0" borderId="26" xfId="0" applyBorder="1" applyAlignment="1">
      <alignment vertical="center"/>
    </xf>
    <xf numFmtId="0" fontId="9" fillId="2" borderId="26" xfId="0" applyFont="1" applyFill="1" applyBorder="1" applyAlignment="1">
      <alignment horizontal="center" vertical="center"/>
    </xf>
    <xf numFmtId="0" fontId="9" fillId="2" borderId="26" xfId="0" applyFont="1" applyFill="1" applyBorder="1" applyAlignment="1">
      <alignment horizontal="left" vertical="center"/>
    </xf>
    <xf numFmtId="0" fontId="15" fillId="2" borderId="136" xfId="0" applyFont="1" applyFill="1" applyBorder="1" applyAlignment="1">
      <alignment horizontal="center" vertical="center" wrapText="1" shrinkToFit="1"/>
    </xf>
    <xf numFmtId="0" fontId="15" fillId="2" borderId="5" xfId="0" applyFont="1" applyFill="1" applyBorder="1" applyAlignment="1">
      <alignment horizontal="center" vertical="center" wrapText="1" shrinkToFit="1"/>
    </xf>
    <xf numFmtId="0" fontId="15" fillId="2" borderId="43" xfId="0" applyFont="1" applyFill="1" applyBorder="1" applyAlignment="1">
      <alignment horizontal="center" vertical="center" wrapText="1" shrinkToFit="1"/>
    </xf>
    <xf numFmtId="0" fontId="15" fillId="2" borderId="23" xfId="0" applyFont="1" applyFill="1" applyBorder="1" applyAlignment="1">
      <alignment horizontal="center" vertical="center" wrapText="1" shrinkToFit="1"/>
    </xf>
    <xf numFmtId="0" fontId="15" fillId="2" borderId="0" xfId="0" applyFont="1" applyFill="1" applyBorder="1" applyAlignment="1">
      <alignment horizontal="center" vertical="center" wrapText="1" shrinkToFit="1"/>
    </xf>
    <xf numFmtId="0" fontId="15" fillId="2" borderId="44" xfId="0" applyFont="1" applyFill="1" applyBorder="1" applyAlignment="1">
      <alignment horizontal="center" vertical="center" wrapText="1" shrinkToFit="1"/>
    </xf>
    <xf numFmtId="0" fontId="15" fillId="2" borderId="137" xfId="0" applyFont="1" applyFill="1" applyBorder="1" applyAlignment="1">
      <alignment horizontal="center" vertical="center" wrapText="1" shrinkToFit="1"/>
    </xf>
    <xf numFmtId="0" fontId="15" fillId="2" borderId="2" xfId="0" applyFont="1" applyFill="1" applyBorder="1" applyAlignment="1">
      <alignment horizontal="center" vertical="center" wrapText="1" shrinkToFit="1"/>
    </xf>
    <xf numFmtId="0" fontId="15" fillId="2" borderId="42" xfId="0" applyFont="1" applyFill="1" applyBorder="1" applyAlignment="1">
      <alignment horizontal="center" vertical="center" wrapText="1" shrinkToFit="1"/>
    </xf>
    <xf numFmtId="0" fontId="5" fillId="0" borderId="0" xfId="0" applyFont="1" applyBorder="1" applyAlignment="1">
      <alignment horizontal="left" vertical="center" shrinkToFit="1"/>
    </xf>
    <xf numFmtId="0" fontId="31" fillId="0" borderId="0" xfId="0" applyFont="1" applyAlignment="1">
      <alignment horizontal="center" vertical="center"/>
    </xf>
    <xf numFmtId="0" fontId="1" fillId="0" borderId="0" xfId="0" applyFont="1" applyAlignment="1">
      <alignment horizontal="center" vertical="center"/>
    </xf>
    <xf numFmtId="0" fontId="5" fillId="0" borderId="0" xfId="0" applyFont="1" applyAlignment="1">
      <alignment horizontal="distributed" vertical="center"/>
    </xf>
    <xf numFmtId="0" fontId="4" fillId="0" borderId="0" xfId="0" applyFont="1" applyAlignment="1">
      <alignment horizontal="center" vertical="center"/>
    </xf>
    <xf numFmtId="0" fontId="8" fillId="0" borderId="0" xfId="0" applyFont="1" applyBorder="1" applyAlignment="1">
      <alignment horizontal="center"/>
    </xf>
    <xf numFmtId="0" fontId="9" fillId="2" borderId="5" xfId="0" applyFont="1" applyFill="1" applyBorder="1" applyAlignment="1">
      <alignment horizontal="center" vertical="center" wrapText="1"/>
    </xf>
    <xf numFmtId="0" fontId="9" fillId="2" borderId="43"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44" xfId="0" applyFont="1" applyFill="1" applyBorder="1" applyAlignment="1">
      <alignment horizontal="center" vertical="center" wrapText="1"/>
    </xf>
    <xf numFmtId="0" fontId="9" fillId="2" borderId="2" xfId="0" applyFont="1" applyFill="1" applyBorder="1" applyAlignment="1">
      <alignment horizontal="center" vertical="center" wrapText="1"/>
    </xf>
    <xf numFmtId="0" fontId="9" fillId="2" borderId="42" xfId="0" applyFont="1" applyFill="1" applyBorder="1" applyAlignment="1">
      <alignment horizontal="center" vertical="center" wrapText="1"/>
    </xf>
    <xf numFmtId="0" fontId="5" fillId="2" borderId="26" xfId="0" applyFont="1" applyFill="1" applyBorder="1" applyAlignment="1">
      <alignment horizontal="center" vertical="center" shrinkToFit="1"/>
    </xf>
    <xf numFmtId="0" fontId="5" fillId="2" borderId="26" xfId="0" applyFont="1" applyFill="1" applyBorder="1" applyAlignment="1">
      <alignment vertical="center" shrinkToFit="1"/>
    </xf>
    <xf numFmtId="0" fontId="9" fillId="2" borderId="26" xfId="0" applyFont="1" applyFill="1" applyBorder="1" applyAlignment="1">
      <alignment horizontal="center" vertical="center" wrapText="1"/>
    </xf>
    <xf numFmtId="0" fontId="10" fillId="2" borderId="26" xfId="0" applyFont="1" applyFill="1" applyBorder="1" applyAlignment="1">
      <alignment horizontal="center" vertical="center"/>
    </xf>
    <xf numFmtId="0" fontId="10" fillId="2" borderId="26" xfId="0" applyFont="1" applyFill="1" applyBorder="1" applyAlignment="1">
      <alignment horizontal="center" vertical="center" wrapText="1"/>
    </xf>
    <xf numFmtId="0" fontId="4" fillId="2" borderId="26" xfId="0" applyFont="1" applyFill="1" applyBorder="1" applyAlignment="1">
      <alignment horizontal="center" vertical="center"/>
    </xf>
    <xf numFmtId="0" fontId="4" fillId="2" borderId="51" xfId="0" applyFont="1" applyFill="1" applyBorder="1" applyAlignment="1">
      <alignment horizontal="center" vertical="center"/>
    </xf>
    <xf numFmtId="0" fontId="4" fillId="2" borderId="26" xfId="0" applyFont="1" applyFill="1" applyBorder="1" applyAlignment="1">
      <alignment vertical="center" shrinkToFit="1"/>
    </xf>
    <xf numFmtId="0" fontId="11" fillId="2" borderId="26" xfId="0" applyFont="1" applyFill="1" applyBorder="1" applyAlignment="1">
      <alignment horizontal="center" vertical="top" wrapText="1"/>
    </xf>
    <xf numFmtId="0" fontId="4" fillId="2" borderId="118" xfId="0" applyFont="1" applyFill="1" applyBorder="1" applyAlignment="1">
      <alignment horizontal="center" vertical="center"/>
    </xf>
    <xf numFmtId="0" fontId="4" fillId="2" borderId="26" xfId="0" applyFont="1" applyFill="1" applyBorder="1" applyAlignment="1">
      <alignment horizontal="left" vertical="center" wrapText="1"/>
    </xf>
    <xf numFmtId="0" fontId="4" fillId="2" borderId="60" xfId="0" applyFont="1" applyFill="1" applyBorder="1" applyAlignment="1">
      <alignment horizontal="center" vertical="center"/>
    </xf>
    <xf numFmtId="0" fontId="4" fillId="2" borderId="2" xfId="0" applyFont="1" applyFill="1" applyBorder="1" applyAlignment="1">
      <alignment horizontal="center" vertical="center"/>
    </xf>
    <xf numFmtId="0" fontId="4" fillId="2" borderId="42" xfId="0" applyFont="1" applyFill="1" applyBorder="1" applyAlignment="1">
      <alignment horizontal="center" vertical="center"/>
    </xf>
    <xf numFmtId="0" fontId="4" fillId="2" borderId="61" xfId="0" applyFont="1" applyFill="1" applyBorder="1" applyAlignment="1">
      <alignment horizontal="center" vertical="center"/>
    </xf>
    <xf numFmtId="0" fontId="4" fillId="2" borderId="12" xfId="0" applyFont="1" applyFill="1" applyBorder="1" applyAlignment="1">
      <alignment horizontal="center" vertical="center"/>
    </xf>
    <xf numFmtId="0" fontId="4" fillId="2" borderId="62" xfId="0" applyFont="1" applyFill="1" applyBorder="1" applyAlignment="1">
      <alignment horizontal="center" vertical="center"/>
    </xf>
    <xf numFmtId="0" fontId="4" fillId="2" borderId="63" xfId="0" applyFont="1" applyFill="1" applyBorder="1" applyAlignment="1">
      <alignment horizontal="center" vertical="center"/>
    </xf>
    <xf numFmtId="0" fontId="4" fillId="2" borderId="64" xfId="0" applyFont="1" applyFill="1" applyBorder="1" applyAlignment="1">
      <alignment horizontal="center" vertical="center"/>
    </xf>
    <xf numFmtId="0" fontId="4" fillId="2" borderId="65" xfId="0" applyFont="1" applyFill="1" applyBorder="1" applyAlignment="1">
      <alignment horizontal="center" vertical="center"/>
    </xf>
    <xf numFmtId="0" fontId="9" fillId="2" borderId="50" xfId="0" applyFont="1" applyFill="1" applyBorder="1" applyAlignment="1">
      <alignment horizontal="center" vertical="center" wrapText="1"/>
    </xf>
    <xf numFmtId="0" fontId="13" fillId="0" borderId="50" xfId="0" applyFont="1" applyBorder="1" applyAlignment="1">
      <alignment horizontal="center" vertical="center"/>
    </xf>
    <xf numFmtId="0" fontId="13" fillId="0" borderId="32" xfId="0" applyFont="1" applyBorder="1" applyAlignment="1">
      <alignment horizontal="center" vertical="center"/>
    </xf>
    <xf numFmtId="0" fontId="13" fillId="0" borderId="53" xfId="0" applyFont="1" applyBorder="1" applyAlignment="1">
      <alignment horizontal="center" vertical="center"/>
    </xf>
    <xf numFmtId="0" fontId="9" fillId="2" borderId="32" xfId="0" applyFont="1" applyFill="1" applyBorder="1" applyAlignment="1">
      <alignment horizontal="center" vertical="center" wrapText="1"/>
    </xf>
    <xf numFmtId="0" fontId="9" fillId="2" borderId="53" xfId="0" applyFont="1" applyFill="1" applyBorder="1" applyAlignment="1">
      <alignment horizontal="center" vertical="center" wrapText="1"/>
    </xf>
    <xf numFmtId="0" fontId="9" fillId="2" borderId="73" xfId="0" applyFont="1" applyFill="1" applyBorder="1" applyAlignment="1">
      <alignment horizontal="center" vertical="center" wrapText="1"/>
    </xf>
    <xf numFmtId="0" fontId="9" fillId="2" borderId="74" xfId="0" applyFont="1" applyFill="1" applyBorder="1" applyAlignment="1">
      <alignment horizontal="center" vertical="center" wrapText="1"/>
    </xf>
    <xf numFmtId="0" fontId="9" fillId="2" borderId="76" xfId="0" applyFont="1" applyFill="1" applyBorder="1" applyAlignment="1">
      <alignment horizontal="center" vertical="center" wrapText="1"/>
    </xf>
    <xf numFmtId="0" fontId="9" fillId="2" borderId="77" xfId="0" applyFont="1" applyFill="1" applyBorder="1" applyAlignment="1">
      <alignment horizontal="center" vertical="center" wrapText="1"/>
    </xf>
    <xf numFmtId="0" fontId="9" fillId="2" borderId="104" xfId="0" applyFont="1" applyFill="1" applyBorder="1" applyAlignment="1">
      <alignment horizontal="center" vertical="center" wrapText="1"/>
    </xf>
    <xf numFmtId="0" fontId="9" fillId="2" borderId="99" xfId="0" applyFont="1" applyFill="1" applyBorder="1" applyAlignment="1">
      <alignment horizontal="center" vertical="center" wrapText="1"/>
    </xf>
    <xf numFmtId="0" fontId="9" fillId="2" borderId="74" xfId="0" applyFont="1" applyFill="1" applyBorder="1" applyAlignment="1">
      <alignment horizontal="left" vertical="center" wrapText="1"/>
    </xf>
    <xf numFmtId="0" fontId="9" fillId="2" borderId="77" xfId="0" applyFont="1" applyFill="1" applyBorder="1" applyAlignment="1">
      <alignment horizontal="left" vertical="center" wrapText="1"/>
    </xf>
    <xf numFmtId="0" fontId="9" fillId="2" borderId="99" xfId="0" applyFont="1" applyFill="1" applyBorder="1" applyAlignment="1">
      <alignment horizontal="left" vertical="center" wrapText="1"/>
    </xf>
    <xf numFmtId="0" fontId="9" fillId="2" borderId="75" xfId="0" applyFont="1" applyFill="1" applyBorder="1" applyAlignment="1">
      <alignment horizontal="center" vertical="center" wrapText="1"/>
    </xf>
    <xf numFmtId="0" fontId="9" fillId="2" borderId="78" xfId="0" applyFont="1" applyFill="1" applyBorder="1" applyAlignment="1">
      <alignment horizontal="center" vertical="center" wrapText="1"/>
    </xf>
    <xf numFmtId="0" fontId="9" fillId="2" borderId="100" xfId="0" applyFont="1" applyFill="1" applyBorder="1" applyAlignment="1">
      <alignment horizontal="center" vertical="center" wrapText="1"/>
    </xf>
    <xf numFmtId="0" fontId="4" fillId="2" borderId="57" xfId="0" applyFont="1" applyFill="1" applyBorder="1" applyAlignment="1">
      <alignment horizontal="center" vertical="center"/>
    </xf>
    <xf numFmtId="0" fontId="4" fillId="2" borderId="58" xfId="0" applyFont="1" applyFill="1" applyBorder="1" applyAlignment="1">
      <alignment horizontal="center" vertical="center"/>
    </xf>
    <xf numFmtId="0" fontId="4" fillId="2" borderId="59" xfId="0" applyFont="1" applyFill="1" applyBorder="1" applyAlignment="1">
      <alignment horizontal="center" vertical="center"/>
    </xf>
    <xf numFmtId="0" fontId="9" fillId="2" borderId="57" xfId="0" applyFont="1" applyFill="1" applyBorder="1" applyAlignment="1">
      <alignment horizontal="center" vertical="distributed"/>
    </xf>
    <xf numFmtId="0" fontId="9" fillId="2" borderId="58" xfId="0" applyFont="1" applyFill="1" applyBorder="1" applyAlignment="1">
      <alignment horizontal="center" vertical="distributed"/>
    </xf>
    <xf numFmtId="0" fontId="9" fillId="2" borderId="106" xfId="0" applyFont="1" applyFill="1" applyBorder="1" applyAlignment="1">
      <alignment horizontal="center" vertical="distributed"/>
    </xf>
    <xf numFmtId="0" fontId="9" fillId="2" borderId="92" xfId="0" applyFont="1" applyFill="1" applyBorder="1" applyAlignment="1">
      <alignment horizontal="center" vertical="distributed"/>
    </xf>
    <xf numFmtId="38" fontId="21" fillId="2" borderId="73" xfId="2" applyFont="1" applyFill="1" applyBorder="1" applyAlignment="1">
      <alignment horizontal="center" vertical="center" wrapText="1"/>
    </xf>
    <xf numFmtId="38" fontId="21" fillId="2" borderId="74" xfId="2" applyFont="1" applyFill="1" applyBorder="1" applyAlignment="1">
      <alignment horizontal="center" vertical="center" wrapText="1"/>
    </xf>
    <xf numFmtId="38" fontId="21" fillId="2" borderId="76" xfId="2" applyFont="1" applyFill="1" applyBorder="1" applyAlignment="1">
      <alignment horizontal="center" vertical="center" wrapText="1"/>
    </xf>
    <xf numFmtId="38" fontId="21" fillId="2" borderId="77" xfId="2" applyFont="1" applyFill="1" applyBorder="1" applyAlignment="1">
      <alignment horizontal="center" vertical="center" wrapText="1"/>
    </xf>
    <xf numFmtId="38" fontId="21" fillId="2" borderId="79" xfId="2" applyFont="1" applyFill="1" applyBorder="1" applyAlignment="1">
      <alignment horizontal="center" vertical="center" wrapText="1"/>
    </xf>
    <xf numFmtId="38" fontId="21" fillId="2" borderId="80" xfId="2" applyFont="1" applyFill="1" applyBorder="1" applyAlignment="1">
      <alignment horizontal="center" vertical="center" wrapText="1"/>
    </xf>
    <xf numFmtId="0" fontId="21" fillId="2" borderId="0" xfId="0" applyFont="1" applyFill="1" applyBorder="1" applyAlignment="1">
      <alignment vertical="center" wrapText="1"/>
    </xf>
    <xf numFmtId="0" fontId="11" fillId="2" borderId="69" xfId="0" applyFont="1" applyFill="1" applyBorder="1" applyAlignment="1">
      <alignment horizontal="left" vertical="top"/>
    </xf>
    <xf numFmtId="0" fontId="11" fillId="2" borderId="0" xfId="0" applyFont="1" applyFill="1" applyBorder="1" applyAlignment="1">
      <alignment horizontal="left" vertical="top"/>
    </xf>
    <xf numFmtId="0" fontId="4" fillId="2" borderId="38" xfId="0" applyFont="1" applyFill="1" applyBorder="1" applyAlignment="1">
      <alignment horizontal="center" vertical="center" textRotation="255"/>
    </xf>
    <xf numFmtId="0" fontId="13" fillId="0" borderId="39" xfId="0" applyFont="1" applyBorder="1" applyAlignment="1">
      <alignment horizontal="center" vertical="center" textRotation="255"/>
    </xf>
    <xf numFmtId="0" fontId="13" fillId="0" borderId="55" xfId="0" applyFont="1" applyBorder="1" applyAlignment="1">
      <alignment horizontal="center" vertical="center" textRotation="255"/>
    </xf>
    <xf numFmtId="0" fontId="13" fillId="0" borderId="33" xfId="0" applyFont="1" applyBorder="1" applyAlignment="1">
      <alignment horizontal="center" vertical="center" textRotation="255"/>
    </xf>
    <xf numFmtId="0" fontId="13" fillId="0" borderId="1" xfId="0" applyFont="1" applyBorder="1" applyAlignment="1">
      <alignment horizontal="center" vertical="center" textRotation="255"/>
    </xf>
    <xf numFmtId="0" fontId="13" fillId="0" borderId="31" xfId="0" applyFont="1" applyBorder="1" applyAlignment="1">
      <alignment horizontal="center" vertical="center" textRotation="255"/>
    </xf>
    <xf numFmtId="0" fontId="13" fillId="0" borderId="47" xfId="0" applyFont="1" applyBorder="1" applyAlignment="1">
      <alignment horizontal="center" vertical="center" textRotation="255"/>
    </xf>
    <xf numFmtId="0" fontId="13" fillId="0" borderId="48" xfId="0" applyFont="1" applyBorder="1" applyAlignment="1">
      <alignment horizontal="center" vertical="center" textRotation="255"/>
    </xf>
    <xf numFmtId="0" fontId="13" fillId="0" borderId="49" xfId="0" applyFont="1" applyBorder="1" applyAlignment="1">
      <alignment horizontal="center" vertical="center" textRotation="255"/>
    </xf>
    <xf numFmtId="0" fontId="4" fillId="2" borderId="50" xfId="0" applyFont="1" applyFill="1" applyBorder="1" applyAlignment="1">
      <alignment horizontal="center" vertical="center"/>
    </xf>
    <xf numFmtId="0" fontId="4" fillId="2" borderId="32" xfId="0" applyFont="1" applyFill="1" applyBorder="1" applyAlignment="1">
      <alignment horizontal="center" vertical="center"/>
    </xf>
    <xf numFmtId="0" fontId="4" fillId="2" borderId="53" xfId="0" applyFont="1" applyFill="1" applyBorder="1" applyAlignment="1">
      <alignment horizontal="center" vertical="center"/>
    </xf>
    <xf numFmtId="38" fontId="21" fillId="2" borderId="74" xfId="2" applyFont="1" applyFill="1" applyBorder="1" applyAlignment="1">
      <alignment horizontal="left" vertical="center" wrapText="1"/>
    </xf>
    <xf numFmtId="38" fontId="21" fillId="2" borderId="77" xfId="2" applyFont="1" applyFill="1" applyBorder="1" applyAlignment="1">
      <alignment horizontal="left" vertical="center" wrapText="1"/>
    </xf>
    <xf numFmtId="38" fontId="21" fillId="2" borderId="80" xfId="2" applyFont="1" applyFill="1" applyBorder="1" applyAlignment="1">
      <alignment horizontal="left" vertical="center" wrapText="1"/>
    </xf>
    <xf numFmtId="38" fontId="11" fillId="2" borderId="0" xfId="2" applyFont="1" applyFill="1" applyBorder="1" applyAlignment="1">
      <alignment horizontal="left" vertical="top" wrapText="1"/>
    </xf>
    <xf numFmtId="0" fontId="5" fillId="2" borderId="0" xfId="0" applyFont="1" applyFill="1" applyBorder="1" applyAlignment="1">
      <alignment shrinkToFit="1"/>
    </xf>
    <xf numFmtId="0" fontId="15" fillId="2" borderId="50" xfId="0" applyFont="1" applyFill="1" applyBorder="1" applyAlignment="1">
      <alignment horizontal="center" vertical="center" textRotation="255"/>
    </xf>
    <xf numFmtId="0" fontId="15" fillId="2" borderId="32" xfId="0" applyFont="1" applyFill="1" applyBorder="1" applyAlignment="1">
      <alignment horizontal="center" vertical="center" textRotation="255"/>
    </xf>
    <xf numFmtId="0" fontId="15" fillId="2" borderId="53" xfId="0" applyFont="1" applyFill="1" applyBorder="1" applyAlignment="1">
      <alignment horizontal="center" vertical="center" textRotation="255"/>
    </xf>
    <xf numFmtId="0" fontId="21" fillId="2" borderId="50" xfId="0" applyFont="1" applyFill="1" applyBorder="1" applyAlignment="1">
      <alignment horizontal="left" vertical="center" wrapText="1"/>
    </xf>
    <xf numFmtId="0" fontId="21" fillId="2" borderId="51" xfId="0" applyFont="1" applyFill="1" applyBorder="1" applyAlignment="1">
      <alignment horizontal="left" vertical="center" wrapText="1"/>
    </xf>
    <xf numFmtId="0" fontId="21" fillId="2" borderId="52" xfId="0" applyFont="1" applyFill="1" applyBorder="1" applyAlignment="1">
      <alignment horizontal="left" vertical="center" wrapText="1"/>
    </xf>
    <xf numFmtId="0" fontId="21" fillId="2" borderId="54" xfId="0" applyFont="1" applyFill="1" applyBorder="1" applyAlignment="1">
      <alignment horizontal="left" vertical="center" wrapText="1"/>
    </xf>
    <xf numFmtId="0" fontId="15" fillId="2" borderId="38" xfId="0" applyFont="1" applyFill="1" applyBorder="1" applyAlignment="1">
      <alignment horizontal="center" vertical="center" textRotation="255"/>
    </xf>
    <xf numFmtId="0" fontId="15" fillId="2" borderId="39" xfId="0" applyFont="1" applyFill="1" applyBorder="1" applyAlignment="1">
      <alignment horizontal="center" vertical="center" textRotation="255"/>
    </xf>
    <xf numFmtId="0" fontId="15" fillId="2" borderId="66" xfId="0" applyFont="1" applyFill="1" applyBorder="1" applyAlignment="1">
      <alignment horizontal="center" vertical="center" textRotation="255"/>
    </xf>
    <xf numFmtId="0" fontId="15" fillId="2" borderId="33" xfId="0" applyFont="1" applyFill="1" applyBorder="1" applyAlignment="1">
      <alignment horizontal="center" vertical="center" textRotation="255"/>
    </xf>
    <xf numFmtId="0" fontId="15" fillId="2" borderId="1" xfId="0" applyFont="1" applyFill="1" applyBorder="1" applyAlignment="1">
      <alignment horizontal="center" vertical="center" textRotation="255"/>
    </xf>
    <xf numFmtId="0" fontId="15" fillId="2" borderId="3" xfId="0" applyFont="1" applyFill="1" applyBorder="1" applyAlignment="1">
      <alignment horizontal="center" vertical="center" textRotation="255"/>
    </xf>
    <xf numFmtId="0" fontId="15" fillId="2" borderId="47" xfId="0" applyFont="1" applyFill="1" applyBorder="1" applyAlignment="1">
      <alignment horizontal="center" vertical="center" textRotation="255"/>
    </xf>
    <xf numFmtId="0" fontId="15" fillId="2" borderId="48" xfId="0" applyFont="1" applyFill="1" applyBorder="1" applyAlignment="1">
      <alignment horizontal="center" vertical="center" textRotation="255"/>
    </xf>
    <xf numFmtId="0" fontId="15" fillId="2" borderId="72" xfId="0" applyFont="1" applyFill="1" applyBorder="1" applyAlignment="1">
      <alignment horizontal="center" vertical="center" textRotation="255"/>
    </xf>
    <xf numFmtId="0" fontId="11" fillId="2" borderId="0" xfId="0" applyFont="1" applyFill="1" applyBorder="1" applyAlignment="1">
      <alignment vertical="top"/>
    </xf>
    <xf numFmtId="0" fontId="11" fillId="2" borderId="15" xfId="0" applyFont="1" applyFill="1" applyBorder="1" applyAlignment="1">
      <alignment vertical="top"/>
    </xf>
    <xf numFmtId="38" fontId="21" fillId="2" borderId="85" xfId="2" applyFont="1" applyFill="1" applyBorder="1" applyAlignment="1">
      <alignment horizontal="right" vertical="center" wrapText="1"/>
    </xf>
    <xf numFmtId="38" fontId="21" fillId="2" borderId="92" xfId="2" applyFont="1" applyFill="1" applyBorder="1" applyAlignment="1">
      <alignment horizontal="right" vertical="center" wrapText="1"/>
    </xf>
    <xf numFmtId="38" fontId="21" fillId="2" borderId="87" xfId="2" applyFont="1" applyFill="1" applyBorder="1" applyAlignment="1">
      <alignment horizontal="right" vertical="center" wrapText="1"/>
    </xf>
    <xf numFmtId="38" fontId="21" fillId="2" borderId="93" xfId="2" applyFont="1" applyFill="1" applyBorder="1" applyAlignment="1">
      <alignment horizontal="right" vertical="center" wrapText="1"/>
    </xf>
    <xf numFmtId="0" fontId="21" fillId="2" borderId="92" xfId="0" applyFont="1" applyFill="1" applyBorder="1" applyAlignment="1">
      <alignment horizontal="left" vertical="center" wrapText="1"/>
    </xf>
    <xf numFmtId="0" fontId="21" fillId="2" borderId="88" xfId="0" applyFont="1" applyFill="1" applyBorder="1" applyAlignment="1">
      <alignment horizontal="left" vertical="center" wrapText="1"/>
    </xf>
    <xf numFmtId="0" fontId="21" fillId="2" borderId="93" xfId="0" applyFont="1" applyFill="1" applyBorder="1" applyAlignment="1">
      <alignment horizontal="left" vertical="center" wrapText="1"/>
    </xf>
    <xf numFmtId="0" fontId="21" fillId="2" borderId="89" xfId="0" applyFont="1" applyFill="1" applyBorder="1" applyAlignment="1">
      <alignment horizontal="left" vertical="center" wrapText="1"/>
    </xf>
    <xf numFmtId="0" fontId="21" fillId="2" borderId="92" xfId="0" applyFont="1" applyFill="1" applyBorder="1" applyAlignment="1">
      <alignment horizontal="center" vertical="center" wrapText="1"/>
    </xf>
    <xf numFmtId="0" fontId="21" fillId="2" borderId="88" xfId="0" applyFont="1" applyFill="1" applyBorder="1" applyAlignment="1">
      <alignment horizontal="center" vertical="center" wrapText="1"/>
    </xf>
    <xf numFmtId="0" fontId="21" fillId="2" borderId="93" xfId="0" applyFont="1" applyFill="1" applyBorder="1" applyAlignment="1">
      <alignment horizontal="center" vertical="center" wrapText="1"/>
    </xf>
    <xf numFmtId="0" fontId="21" fillId="2" borderId="89" xfId="0" applyFont="1" applyFill="1" applyBorder="1" applyAlignment="1">
      <alignment horizontal="center" vertical="center" wrapText="1"/>
    </xf>
    <xf numFmtId="0" fontId="4" fillId="2" borderId="92" xfId="0" applyFont="1" applyFill="1" applyBorder="1" applyAlignment="1">
      <alignment horizontal="center" vertical="center"/>
    </xf>
    <xf numFmtId="0" fontId="4" fillId="2" borderId="93" xfId="0" applyFont="1" applyFill="1" applyBorder="1" applyAlignment="1">
      <alignment horizontal="center" vertical="center"/>
    </xf>
    <xf numFmtId="0" fontId="21" fillId="2" borderId="74" xfId="0" applyFont="1" applyFill="1" applyBorder="1" applyAlignment="1">
      <alignment horizontal="center" vertical="center" wrapText="1"/>
    </xf>
    <xf numFmtId="0" fontId="21" fillId="2" borderId="75" xfId="0" applyFont="1" applyFill="1" applyBorder="1" applyAlignment="1">
      <alignment horizontal="center" vertical="center" wrapText="1"/>
    </xf>
    <xf numFmtId="0" fontId="21" fillId="2" borderId="77" xfId="0" applyFont="1" applyFill="1" applyBorder="1" applyAlignment="1">
      <alignment horizontal="center" vertical="center" wrapText="1"/>
    </xf>
    <xf numFmtId="0" fontId="21" fillId="2" borderId="78" xfId="0" applyFont="1" applyFill="1" applyBorder="1" applyAlignment="1">
      <alignment horizontal="center" vertical="center" wrapText="1"/>
    </xf>
    <xf numFmtId="0" fontId="21" fillId="2" borderId="80" xfId="0" applyFont="1" applyFill="1" applyBorder="1" applyAlignment="1">
      <alignment horizontal="center" vertical="center" wrapText="1"/>
    </xf>
    <xf numFmtId="0" fontId="21" fillId="2" borderId="81" xfId="0" applyFont="1" applyFill="1" applyBorder="1" applyAlignment="1">
      <alignment horizontal="center" vertical="center" wrapText="1"/>
    </xf>
    <xf numFmtId="38" fontId="21" fillId="2" borderId="83" xfId="2" applyFont="1" applyFill="1" applyBorder="1" applyAlignment="1">
      <alignment horizontal="center" vertical="center" wrapText="1"/>
    </xf>
    <xf numFmtId="38" fontId="21" fillId="2" borderId="27" xfId="2" applyFont="1" applyFill="1" applyBorder="1" applyAlignment="1">
      <alignment horizontal="center" vertical="center" wrapText="1"/>
    </xf>
    <xf numFmtId="38" fontId="21" fillId="2" borderId="84" xfId="2" applyFont="1" applyFill="1" applyBorder="1" applyAlignment="1">
      <alignment horizontal="center" vertical="center" wrapText="1"/>
    </xf>
    <xf numFmtId="38" fontId="21" fillId="2" borderId="85" xfId="2" applyFont="1" applyFill="1" applyBorder="1" applyAlignment="1">
      <alignment horizontal="center" vertical="center" wrapText="1"/>
    </xf>
    <xf numFmtId="38" fontId="21" fillId="2" borderId="95" xfId="2" applyFont="1" applyFill="1" applyBorder="1" applyAlignment="1">
      <alignment horizontal="right" vertical="center" wrapText="1"/>
    </xf>
    <xf numFmtId="38" fontId="21" fillId="2" borderId="22" xfId="2" applyFont="1" applyFill="1" applyBorder="1" applyAlignment="1">
      <alignment horizontal="right" vertical="center" wrapText="1"/>
    </xf>
    <xf numFmtId="38" fontId="21" fillId="2" borderId="23" xfId="2" applyFont="1" applyFill="1" applyBorder="1" applyAlignment="1">
      <alignment horizontal="right" vertical="center" wrapText="1"/>
    </xf>
    <xf numFmtId="38" fontId="21" fillId="2" borderId="0" xfId="2" applyFont="1" applyFill="1" applyBorder="1" applyAlignment="1">
      <alignment horizontal="right" vertical="center" wrapText="1"/>
    </xf>
    <xf numFmtId="38" fontId="21" fillId="2" borderId="97" xfId="2" applyFont="1" applyFill="1" applyBorder="1" applyAlignment="1">
      <alignment horizontal="right" vertical="center" wrapText="1"/>
    </xf>
    <xf numFmtId="38" fontId="21" fillId="2" borderId="34" xfId="2" applyFont="1" applyFill="1" applyBorder="1" applyAlignment="1">
      <alignment horizontal="right" vertical="center" wrapText="1"/>
    </xf>
    <xf numFmtId="0" fontId="4" fillId="0" borderId="26" xfId="0" applyFont="1" applyFill="1" applyBorder="1" applyAlignment="1">
      <alignment horizontal="center" vertical="center" wrapText="1"/>
    </xf>
    <xf numFmtId="0" fontId="4" fillId="2" borderId="26" xfId="0" applyFont="1" applyFill="1" applyBorder="1" applyAlignment="1">
      <alignment horizontal="center" vertical="distributed"/>
    </xf>
    <xf numFmtId="0" fontId="13" fillId="0" borderId="26" xfId="0" applyFont="1" applyBorder="1" applyAlignment="1">
      <alignment horizontal="center" vertical="distributed"/>
    </xf>
    <xf numFmtId="0" fontId="0" fillId="0" borderId="26" xfId="0" applyBorder="1" applyAlignment="1">
      <alignment horizontal="center" vertical="distributed"/>
    </xf>
    <xf numFmtId="0" fontId="21" fillId="2" borderId="1" xfId="0" applyFont="1" applyFill="1" applyBorder="1" applyAlignment="1">
      <alignment horizontal="left" vertical="center" wrapText="1"/>
    </xf>
    <xf numFmtId="0" fontId="9" fillId="2" borderId="0" xfId="0" applyFont="1" applyFill="1" applyAlignment="1">
      <alignment horizontal="center" wrapText="1"/>
    </xf>
    <xf numFmtId="0" fontId="9" fillId="2" borderId="0" xfId="0" applyFont="1" applyFill="1" applyBorder="1" applyAlignment="1">
      <alignment horizontal="center" wrapText="1"/>
    </xf>
    <xf numFmtId="0" fontId="4" fillId="2" borderId="22" xfId="0" applyFont="1" applyFill="1" applyBorder="1" applyAlignment="1">
      <alignment horizontal="left" vertical="center"/>
    </xf>
    <xf numFmtId="0" fontId="4" fillId="2" borderId="96" xfId="0" applyFont="1" applyFill="1" applyBorder="1" applyAlignment="1">
      <alignment horizontal="left" vertical="center"/>
    </xf>
    <xf numFmtId="0" fontId="4" fillId="2" borderId="0" xfId="0" applyFont="1" applyFill="1" applyBorder="1" applyAlignment="1">
      <alignment horizontal="left" vertical="center"/>
    </xf>
    <xf numFmtId="0" fontId="4" fillId="2" borderId="24" xfId="0" applyFont="1" applyFill="1" applyBorder="1" applyAlignment="1">
      <alignment horizontal="left" vertical="center"/>
    </xf>
    <xf numFmtId="0" fontId="4" fillId="2" borderId="34" xfId="0" applyFont="1" applyFill="1" applyBorder="1" applyAlignment="1">
      <alignment horizontal="left" vertical="center"/>
    </xf>
    <xf numFmtId="0" fontId="4" fillId="2" borderId="98" xfId="0" applyFont="1" applyFill="1" applyBorder="1" applyAlignment="1">
      <alignment horizontal="left" vertical="center"/>
    </xf>
    <xf numFmtId="0" fontId="4" fillId="2" borderId="22" xfId="0" applyFont="1" applyFill="1" applyBorder="1" applyAlignment="1">
      <alignment horizontal="left" vertical="center" wrapText="1"/>
    </xf>
    <xf numFmtId="0" fontId="4" fillId="2" borderId="35" xfId="0" applyFont="1" applyFill="1" applyBorder="1" applyAlignment="1">
      <alignment horizontal="left" vertical="center" wrapText="1"/>
    </xf>
    <xf numFmtId="0" fontId="4" fillId="2" borderId="0" xfId="0" applyFont="1" applyFill="1" applyBorder="1" applyAlignment="1">
      <alignment horizontal="left" vertical="center" wrapText="1"/>
    </xf>
    <xf numFmtId="0" fontId="4" fillId="2" borderId="44" xfId="0" applyFont="1" applyFill="1" applyBorder="1" applyAlignment="1">
      <alignment horizontal="left" vertical="center" wrapText="1"/>
    </xf>
    <xf numFmtId="0" fontId="4" fillId="2" borderId="34" xfId="0" applyFont="1" applyFill="1" applyBorder="1" applyAlignment="1">
      <alignment horizontal="left" vertical="center" wrapText="1"/>
    </xf>
    <xf numFmtId="0" fontId="4" fillId="2" borderId="68" xfId="0" applyFont="1" applyFill="1" applyBorder="1" applyAlignment="1">
      <alignment horizontal="left" vertical="center" wrapText="1"/>
    </xf>
    <xf numFmtId="38" fontId="4" fillId="2" borderId="95" xfId="2" applyFont="1" applyFill="1" applyBorder="1" applyAlignment="1">
      <alignment horizontal="left" vertical="center"/>
    </xf>
    <xf numFmtId="38" fontId="4" fillId="2" borderId="22" xfId="2" applyFont="1" applyFill="1" applyBorder="1" applyAlignment="1">
      <alignment horizontal="left" vertical="center"/>
    </xf>
    <xf numFmtId="38" fontId="4" fillId="2" borderId="23" xfId="2" applyFont="1" applyFill="1" applyBorder="1" applyAlignment="1">
      <alignment horizontal="left" vertical="center"/>
    </xf>
    <xf numFmtId="38" fontId="4" fillId="2" borderId="0" xfId="2" applyFont="1" applyFill="1" applyBorder="1" applyAlignment="1">
      <alignment horizontal="left" vertical="center"/>
    </xf>
    <xf numFmtId="38" fontId="4" fillId="2" borderId="97" xfId="2" applyFont="1" applyFill="1" applyBorder="1" applyAlignment="1">
      <alignment horizontal="left" vertical="center"/>
    </xf>
    <xf numFmtId="38" fontId="4" fillId="2" borderId="34" xfId="2" applyFont="1" applyFill="1" applyBorder="1" applyAlignment="1">
      <alignment horizontal="left" vertical="center"/>
    </xf>
    <xf numFmtId="38" fontId="21" fillId="2" borderId="0" xfId="2" applyFont="1" applyFill="1" applyBorder="1" applyAlignment="1">
      <alignment vertical="center" wrapText="1"/>
    </xf>
    <xf numFmtId="0" fontId="9" fillId="2" borderId="0" xfId="0" applyFont="1" applyFill="1" applyBorder="1" applyAlignment="1">
      <alignment vertical="center"/>
    </xf>
    <xf numFmtId="0" fontId="9" fillId="2" borderId="15" xfId="0" applyFont="1" applyFill="1" applyBorder="1" applyAlignment="1">
      <alignment vertical="center"/>
    </xf>
    <xf numFmtId="0" fontId="5" fillId="2" borderId="0" xfId="0" applyFont="1" applyFill="1" applyBorder="1" applyAlignment="1">
      <alignment horizontal="left"/>
    </xf>
    <xf numFmtId="0" fontId="5" fillId="2" borderId="2" xfId="0" applyFont="1" applyFill="1" applyBorder="1" applyAlignment="1">
      <alignment horizontal="left"/>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14" xfId="0" applyFont="1" applyFill="1" applyBorder="1" applyAlignment="1">
      <alignment horizontal="center" vertical="center" shrinkToFit="1"/>
    </xf>
    <xf numFmtId="0" fontId="4" fillId="2" borderId="0" xfId="0" applyFont="1" applyFill="1" applyBorder="1" applyAlignment="1">
      <alignment horizontal="center" vertical="center" shrinkToFit="1"/>
    </xf>
    <xf numFmtId="0" fontId="4" fillId="2" borderId="9"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2" xfId="0" applyFont="1" applyFill="1" applyBorder="1" applyAlignment="1">
      <alignment horizontal="center" vertical="center" shrinkToFit="1"/>
    </xf>
    <xf numFmtId="0" fontId="4" fillId="2" borderId="8" xfId="0" applyFont="1" applyFill="1" applyBorder="1" applyAlignment="1">
      <alignment horizontal="center" vertical="center" shrinkToFit="1"/>
    </xf>
    <xf numFmtId="0" fontId="4" fillId="0" borderId="0" xfId="0" applyFont="1" applyBorder="1" applyAlignment="1">
      <alignment horizontal="left" vertical="center"/>
    </xf>
    <xf numFmtId="0" fontId="4" fillId="0" borderId="2" xfId="0" applyFont="1" applyBorder="1" applyAlignment="1">
      <alignment horizontal="left" vertical="center"/>
    </xf>
    <xf numFmtId="0" fontId="5" fillId="0" borderId="0" xfId="0" applyFont="1" applyBorder="1" applyAlignment="1">
      <alignment horizontal="left"/>
    </xf>
    <xf numFmtId="0" fontId="9" fillId="2" borderId="30" xfId="0" applyFont="1" applyFill="1" applyBorder="1" applyAlignment="1">
      <alignment horizontal="center" vertical="distributed" wrapText="1"/>
    </xf>
    <xf numFmtId="0" fontId="9" fillId="2" borderId="27" xfId="0" applyFont="1" applyFill="1" applyBorder="1" applyAlignment="1">
      <alignment horizontal="center" vertical="distributed" wrapText="1"/>
    </xf>
    <xf numFmtId="0" fontId="9" fillId="2" borderId="102" xfId="0" applyFont="1" applyFill="1" applyBorder="1" applyAlignment="1">
      <alignment horizontal="center" vertical="distributed" wrapText="1"/>
    </xf>
    <xf numFmtId="0" fontId="9" fillId="2" borderId="91" xfId="0" applyFont="1" applyFill="1" applyBorder="1" applyAlignment="1">
      <alignment horizontal="center" vertical="distributed" wrapText="1"/>
    </xf>
    <xf numFmtId="0" fontId="9" fillId="2" borderId="28" xfId="0" applyFont="1" applyFill="1" applyBorder="1" applyAlignment="1">
      <alignment horizontal="center" vertical="distributed" wrapText="1"/>
    </xf>
    <xf numFmtId="0" fontId="9" fillId="2" borderId="103" xfId="0" applyFont="1" applyFill="1" applyBorder="1" applyAlignment="1">
      <alignment horizontal="center" vertical="distributed" wrapText="1"/>
    </xf>
    <xf numFmtId="0" fontId="4" fillId="2" borderId="1" xfId="0" applyFont="1" applyFill="1" applyBorder="1" applyAlignment="1">
      <alignment horizontal="center" vertical="center" wrapText="1"/>
    </xf>
    <xf numFmtId="0" fontId="13" fillId="0" borderId="1" xfId="0" applyFont="1" applyBorder="1" applyAlignment="1">
      <alignment horizontal="center" vertical="center" wrapText="1"/>
    </xf>
    <xf numFmtId="0" fontId="13" fillId="0" borderId="1" xfId="0" applyFont="1" applyBorder="1" applyAlignment="1">
      <alignment vertical="center" wrapText="1"/>
    </xf>
    <xf numFmtId="0" fontId="15" fillId="2" borderId="107" xfId="0" applyFont="1" applyFill="1" applyBorder="1" applyAlignment="1">
      <alignment horizontal="center" vertical="center"/>
    </xf>
    <xf numFmtId="0" fontId="15" fillId="2" borderId="108" xfId="0" applyFont="1" applyFill="1" applyBorder="1" applyAlignment="1">
      <alignment horizontal="center" vertical="center"/>
    </xf>
    <xf numFmtId="0" fontId="15" fillId="2" borderId="108" xfId="0" applyFont="1" applyFill="1" applyBorder="1" applyAlignment="1">
      <alignment horizontal="left" vertical="center"/>
    </xf>
    <xf numFmtId="0" fontId="15" fillId="2" borderId="109" xfId="0" applyFont="1" applyFill="1" applyBorder="1" applyAlignment="1">
      <alignment horizontal="left" vertical="center"/>
    </xf>
    <xf numFmtId="0" fontId="9" fillId="2" borderId="58" xfId="0" applyFont="1" applyFill="1" applyBorder="1" applyAlignment="1">
      <alignment horizontal="left" vertical="distributed"/>
    </xf>
    <xf numFmtId="0" fontId="9" fillId="2" borderId="105" xfId="0" applyFont="1" applyFill="1" applyBorder="1" applyAlignment="1">
      <alignment horizontal="left" vertical="distributed"/>
    </xf>
    <xf numFmtId="0" fontId="9" fillId="2" borderId="92" xfId="0" applyFont="1" applyFill="1" applyBorder="1" applyAlignment="1">
      <alignment horizontal="left" vertical="distributed"/>
    </xf>
    <xf numFmtId="0" fontId="9" fillId="2" borderId="88" xfId="0" applyFont="1" applyFill="1" applyBorder="1" applyAlignment="1">
      <alignment horizontal="left" vertical="distributed"/>
    </xf>
    <xf numFmtId="0" fontId="9" fillId="2" borderId="83" xfId="0" applyFont="1" applyFill="1" applyBorder="1" applyAlignment="1">
      <alignment horizontal="center" vertical="distributed"/>
    </xf>
    <xf numFmtId="0" fontId="9" fillId="2" borderId="27" xfId="0" applyFont="1" applyFill="1" applyBorder="1" applyAlignment="1">
      <alignment horizontal="center" vertical="distributed"/>
    </xf>
    <xf numFmtId="0" fontId="9" fillId="2" borderId="94" xfId="0" applyFont="1" applyFill="1" applyBorder="1" applyAlignment="1">
      <alignment horizontal="center" vertical="distributed"/>
    </xf>
    <xf numFmtId="0" fontId="9" fillId="2" borderId="28" xfId="0" applyFont="1" applyFill="1" applyBorder="1" applyAlignment="1">
      <alignment horizontal="center" vertical="distributed"/>
    </xf>
    <xf numFmtId="38" fontId="21" fillId="2" borderId="82" xfId="2" applyFont="1" applyFill="1" applyBorder="1" applyAlignment="1">
      <alignment horizontal="center" vertical="center" wrapText="1"/>
    </xf>
    <xf numFmtId="38" fontId="21" fillId="2" borderId="30" xfId="2" applyFont="1" applyFill="1" applyBorder="1" applyAlignment="1">
      <alignment horizontal="center" vertical="center" wrapText="1"/>
    </xf>
    <xf numFmtId="0" fontId="21" fillId="2" borderId="83" xfId="0" applyFont="1" applyFill="1" applyBorder="1" applyAlignment="1">
      <alignment horizontal="left" vertical="center" wrapText="1"/>
    </xf>
    <xf numFmtId="0" fontId="21" fillId="2" borderId="27" xfId="0" applyFont="1" applyFill="1" applyBorder="1" applyAlignment="1">
      <alignment horizontal="left" vertical="center" wrapText="1"/>
    </xf>
    <xf numFmtId="0" fontId="21" fillId="2" borderId="85" xfId="0" applyFont="1" applyFill="1" applyBorder="1" applyAlignment="1">
      <alignment horizontal="left" vertical="center" wrapText="1"/>
    </xf>
    <xf numFmtId="0" fontId="4" fillId="2" borderId="74" xfId="0" applyFont="1" applyFill="1" applyBorder="1" applyAlignment="1">
      <alignment horizontal="left" vertical="center"/>
    </xf>
    <xf numFmtId="0" fontId="4" fillId="2" borderId="77" xfId="0" applyFont="1" applyFill="1" applyBorder="1" applyAlignment="1">
      <alignment horizontal="left" vertical="center"/>
    </xf>
    <xf numFmtId="0" fontId="4" fillId="2" borderId="80" xfId="0" applyFont="1" applyFill="1" applyBorder="1" applyAlignment="1">
      <alignment horizontal="left" vertical="center"/>
    </xf>
    <xf numFmtId="0" fontId="4" fillId="2" borderId="26" xfId="0" applyFont="1" applyFill="1" applyBorder="1" applyAlignment="1">
      <alignment horizontal="center" vertical="center" textRotation="255"/>
    </xf>
    <xf numFmtId="0" fontId="13" fillId="0" borderId="26" xfId="0" applyFont="1" applyBorder="1" applyAlignment="1">
      <alignment horizontal="center" vertical="center" textRotation="255"/>
    </xf>
    <xf numFmtId="0" fontId="0" fillId="0" borderId="51" xfId="0" applyBorder="1" applyAlignment="1">
      <alignment horizontal="center" vertical="center" textRotation="255"/>
    </xf>
    <xf numFmtId="0" fontId="5" fillId="2" borderId="0" xfId="0" applyFont="1" applyFill="1" applyAlignment="1">
      <alignment horizontal="left" vertical="center"/>
    </xf>
    <xf numFmtId="0" fontId="41" fillId="0" borderId="0" xfId="0" applyFont="1" applyAlignment="1">
      <alignment horizontal="left" vertical="center"/>
    </xf>
    <xf numFmtId="0" fontId="5" fillId="2" borderId="0" xfId="0" applyFont="1" applyFill="1" applyAlignment="1">
      <alignment horizontal="center" vertical="center"/>
    </xf>
    <xf numFmtId="0" fontId="29" fillId="2" borderId="0" xfId="0" applyFont="1" applyFill="1" applyBorder="1" applyAlignment="1">
      <alignment horizontal="left" vertical="center"/>
    </xf>
    <xf numFmtId="0" fontId="5" fillId="2" borderId="0" xfId="0" applyFont="1" applyFill="1" applyAlignment="1">
      <alignment horizontal="center" vertical="center" wrapText="1"/>
    </xf>
    <xf numFmtId="0" fontId="27" fillId="2" borderId="0" xfId="0" applyFont="1" applyFill="1" applyAlignment="1">
      <alignment horizontal="center" vertical="center"/>
    </xf>
    <xf numFmtId="0" fontId="32" fillId="0" borderId="0" xfId="0" applyFont="1" applyAlignment="1">
      <alignment horizontal="left" vertical="center"/>
    </xf>
    <xf numFmtId="0" fontId="4" fillId="2" borderId="0" xfId="0" applyFont="1" applyFill="1" applyBorder="1" applyAlignment="1">
      <alignment horizontal="center"/>
    </xf>
    <xf numFmtId="0" fontId="4" fillId="2" borderId="0" xfId="0" applyFont="1" applyFill="1" applyBorder="1" applyAlignment="1">
      <alignment horizontal="center" vertical="center"/>
    </xf>
    <xf numFmtId="0" fontId="4" fillId="2" borderId="15" xfId="0" applyFont="1" applyFill="1" applyBorder="1" applyAlignment="1">
      <alignment horizontal="center" vertical="center"/>
    </xf>
    <xf numFmtId="0" fontId="9" fillId="2" borderId="0" xfId="0" applyFont="1" applyFill="1" applyBorder="1" applyAlignment="1">
      <alignment horizontal="center"/>
    </xf>
    <xf numFmtId="0" fontId="36" fillId="0" borderId="17" xfId="0" applyFont="1" applyBorder="1" applyAlignment="1">
      <alignment horizontal="center" vertical="center" wrapText="1"/>
    </xf>
    <xf numFmtId="0" fontId="36" fillId="0" borderId="0" xfId="0" applyFont="1" applyBorder="1" applyAlignment="1">
      <alignment horizontal="center" vertical="center" wrapText="1"/>
    </xf>
    <xf numFmtId="0" fontId="38" fillId="0" borderId="0" xfId="0" applyFont="1" applyAlignment="1">
      <alignment vertical="center" wrapText="1"/>
    </xf>
    <xf numFmtId="0" fontId="18" fillId="2" borderId="0" xfId="0" applyFont="1" applyFill="1" applyBorder="1" applyAlignment="1">
      <alignment horizontal="center" vertical="center"/>
    </xf>
    <xf numFmtId="0" fontId="4" fillId="2" borderId="0" xfId="0" applyFont="1" applyFill="1" applyAlignment="1">
      <alignment horizontal="center" vertical="center"/>
    </xf>
    <xf numFmtId="0" fontId="21" fillId="2" borderId="0" xfId="0" applyFont="1" applyFill="1" applyBorder="1" applyAlignment="1">
      <alignment horizontal="left" vertical="distributed" wrapText="1"/>
    </xf>
    <xf numFmtId="0" fontId="4" fillId="2" borderId="0" xfId="0" applyFont="1" applyFill="1" applyBorder="1" applyAlignment="1">
      <alignment vertical="center"/>
    </xf>
    <xf numFmtId="0" fontId="33" fillId="2" borderId="0" xfId="0" applyFont="1" applyFill="1" applyBorder="1" applyAlignment="1">
      <alignment horizontal="center" vertical="center"/>
    </xf>
    <xf numFmtId="0" fontId="15" fillId="2" borderId="0" xfId="0" applyFont="1" applyFill="1" applyBorder="1" applyAlignment="1">
      <alignment horizontal="left" vertical="center"/>
    </xf>
    <xf numFmtId="0" fontId="21" fillId="2" borderId="0" xfId="0" applyFont="1" applyFill="1" applyBorder="1" applyAlignment="1">
      <alignment vertical="top" wrapText="1"/>
    </xf>
    <xf numFmtId="0" fontId="9" fillId="2" borderId="3" xfId="0" applyFont="1" applyFill="1" applyBorder="1" applyAlignment="1">
      <alignment horizontal="left" vertical="center" wrapText="1"/>
    </xf>
    <xf numFmtId="0" fontId="9" fillId="2" borderId="12" xfId="0" applyFont="1" applyFill="1" applyBorder="1" applyAlignment="1">
      <alignment horizontal="left" vertical="center" wrapText="1"/>
    </xf>
    <xf numFmtId="0" fontId="9" fillId="2" borderId="13" xfId="0" applyFont="1" applyFill="1" applyBorder="1" applyAlignment="1">
      <alignment horizontal="left" vertical="center" wrapText="1"/>
    </xf>
    <xf numFmtId="0" fontId="21" fillId="2" borderId="0" xfId="1" applyFont="1" applyFill="1" applyAlignment="1">
      <alignment horizontal="left" vertical="top" wrapText="1"/>
    </xf>
    <xf numFmtId="0" fontId="21" fillId="2" borderId="0" xfId="0" applyFont="1" applyFill="1" applyBorder="1" applyAlignment="1">
      <alignment horizontal="left" vertical="center" wrapText="1"/>
    </xf>
    <xf numFmtId="0" fontId="15" fillId="2" borderId="0" xfId="0" applyFont="1" applyFill="1" applyBorder="1" applyAlignment="1">
      <alignment horizontal="left" vertical="distributed" wrapText="1"/>
    </xf>
  </cellXfs>
  <cellStyles count="3">
    <cellStyle name="ハイパーリンク" xfId="1" builtinId="8"/>
    <cellStyle name="桁区切り" xfId="2"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77</xdr:col>
      <xdr:colOff>39689</xdr:colOff>
      <xdr:row>0</xdr:row>
      <xdr:rowOff>23813</xdr:rowOff>
    </xdr:from>
    <xdr:to>
      <xdr:col>98</xdr:col>
      <xdr:colOff>7938</xdr:colOff>
      <xdr:row>5</xdr:row>
      <xdr:rowOff>174626</xdr:rowOff>
    </xdr:to>
    <xdr:sp macro="" textlink="">
      <xdr:nvSpPr>
        <xdr:cNvPr id="2" name="正方形/長方形 1">
          <a:extLst>
            <a:ext uri="{FF2B5EF4-FFF2-40B4-BE49-F238E27FC236}">
              <a16:creationId xmlns:a16="http://schemas.microsoft.com/office/drawing/2014/main" id="{00000000-0008-0000-0000-000002000000}"/>
            </a:ext>
          </a:extLst>
        </xdr:cNvPr>
        <xdr:cNvSpPr/>
      </xdr:nvSpPr>
      <xdr:spPr>
        <a:xfrm>
          <a:off x="6326189" y="23813"/>
          <a:ext cx="1960562" cy="627063"/>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24</xdr:col>
          <xdr:colOff>44450</xdr:colOff>
          <xdr:row>13</xdr:row>
          <xdr:rowOff>82550</xdr:rowOff>
        </xdr:from>
        <xdr:to>
          <xdr:col>32</xdr:col>
          <xdr:colOff>31750</xdr:colOff>
          <xdr:row>16</xdr:row>
          <xdr:rowOff>6350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63500</xdr:colOff>
          <xdr:row>14</xdr:row>
          <xdr:rowOff>6350</xdr:rowOff>
        </xdr:from>
        <xdr:to>
          <xdr:col>64</xdr:col>
          <xdr:colOff>57150</xdr:colOff>
          <xdr:row>16</xdr:row>
          <xdr:rowOff>698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3</xdr:col>
          <xdr:colOff>63500</xdr:colOff>
          <xdr:row>20</xdr:row>
          <xdr:rowOff>82550</xdr:rowOff>
        </xdr:from>
        <xdr:to>
          <xdr:col>81</xdr:col>
          <xdr:colOff>25400</xdr:colOff>
          <xdr:row>23</xdr:row>
          <xdr:rowOff>1905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000-00000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3</xdr:col>
          <xdr:colOff>69850</xdr:colOff>
          <xdr:row>23</xdr:row>
          <xdr:rowOff>76200</xdr:rowOff>
        </xdr:from>
        <xdr:to>
          <xdr:col>79</xdr:col>
          <xdr:colOff>50800</xdr:colOff>
          <xdr:row>26</xdr:row>
          <xdr:rowOff>5080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000-00000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50</xdr:row>
          <xdr:rowOff>69850</xdr:rowOff>
        </xdr:from>
        <xdr:to>
          <xdr:col>28</xdr:col>
          <xdr:colOff>69850</xdr:colOff>
          <xdr:row>52</xdr:row>
          <xdr:rowOff>5715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000-00000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76200</xdr:colOff>
          <xdr:row>50</xdr:row>
          <xdr:rowOff>57150</xdr:rowOff>
        </xdr:from>
        <xdr:to>
          <xdr:col>36</xdr:col>
          <xdr:colOff>38100</xdr:colOff>
          <xdr:row>52</xdr:row>
          <xdr:rowOff>6350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000-00000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6350</xdr:colOff>
          <xdr:row>50</xdr:row>
          <xdr:rowOff>50800</xdr:rowOff>
        </xdr:from>
        <xdr:to>
          <xdr:col>44</xdr:col>
          <xdr:colOff>44450</xdr:colOff>
          <xdr:row>52</xdr:row>
          <xdr:rowOff>5715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000-00000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53</xdr:row>
          <xdr:rowOff>69850</xdr:rowOff>
        </xdr:from>
        <xdr:to>
          <xdr:col>28</xdr:col>
          <xdr:colOff>69850</xdr:colOff>
          <xdr:row>55</xdr:row>
          <xdr:rowOff>5715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000-00000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56</xdr:row>
          <xdr:rowOff>69850</xdr:rowOff>
        </xdr:from>
        <xdr:to>
          <xdr:col>28</xdr:col>
          <xdr:colOff>69850</xdr:colOff>
          <xdr:row>58</xdr:row>
          <xdr:rowOff>5715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000-00000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59</xdr:row>
          <xdr:rowOff>69850</xdr:rowOff>
        </xdr:from>
        <xdr:to>
          <xdr:col>28</xdr:col>
          <xdr:colOff>69850</xdr:colOff>
          <xdr:row>61</xdr:row>
          <xdr:rowOff>5715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000-00000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62</xdr:row>
          <xdr:rowOff>69850</xdr:rowOff>
        </xdr:from>
        <xdr:to>
          <xdr:col>28</xdr:col>
          <xdr:colOff>69850</xdr:colOff>
          <xdr:row>64</xdr:row>
          <xdr:rowOff>5715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000-00000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65</xdr:row>
          <xdr:rowOff>69850</xdr:rowOff>
        </xdr:from>
        <xdr:to>
          <xdr:col>28</xdr:col>
          <xdr:colOff>69850</xdr:colOff>
          <xdr:row>67</xdr:row>
          <xdr:rowOff>5715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000-00000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68</xdr:row>
          <xdr:rowOff>69850</xdr:rowOff>
        </xdr:from>
        <xdr:to>
          <xdr:col>28</xdr:col>
          <xdr:colOff>69850</xdr:colOff>
          <xdr:row>70</xdr:row>
          <xdr:rowOff>5715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000-00000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9050</xdr:colOff>
          <xdr:row>71</xdr:row>
          <xdr:rowOff>69850</xdr:rowOff>
        </xdr:from>
        <xdr:to>
          <xdr:col>28</xdr:col>
          <xdr:colOff>69850</xdr:colOff>
          <xdr:row>73</xdr:row>
          <xdr:rowOff>5715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000-00000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76200</xdr:colOff>
          <xdr:row>53</xdr:row>
          <xdr:rowOff>57150</xdr:rowOff>
        </xdr:from>
        <xdr:to>
          <xdr:col>36</xdr:col>
          <xdr:colOff>38100</xdr:colOff>
          <xdr:row>55</xdr:row>
          <xdr:rowOff>6350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000-00000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76200</xdr:colOff>
          <xdr:row>56</xdr:row>
          <xdr:rowOff>57150</xdr:rowOff>
        </xdr:from>
        <xdr:to>
          <xdr:col>36</xdr:col>
          <xdr:colOff>38100</xdr:colOff>
          <xdr:row>58</xdr:row>
          <xdr:rowOff>6350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000-00001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76200</xdr:colOff>
          <xdr:row>62</xdr:row>
          <xdr:rowOff>57150</xdr:rowOff>
        </xdr:from>
        <xdr:to>
          <xdr:col>36</xdr:col>
          <xdr:colOff>38100</xdr:colOff>
          <xdr:row>64</xdr:row>
          <xdr:rowOff>63500</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000-00001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76200</xdr:colOff>
          <xdr:row>65</xdr:row>
          <xdr:rowOff>57150</xdr:rowOff>
        </xdr:from>
        <xdr:to>
          <xdr:col>36</xdr:col>
          <xdr:colOff>38100</xdr:colOff>
          <xdr:row>67</xdr:row>
          <xdr:rowOff>6350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000-00001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76200</xdr:colOff>
          <xdr:row>68</xdr:row>
          <xdr:rowOff>57150</xdr:rowOff>
        </xdr:from>
        <xdr:to>
          <xdr:col>36</xdr:col>
          <xdr:colOff>38100</xdr:colOff>
          <xdr:row>70</xdr:row>
          <xdr:rowOff>6350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000-00001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76200</xdr:colOff>
          <xdr:row>71</xdr:row>
          <xdr:rowOff>57150</xdr:rowOff>
        </xdr:from>
        <xdr:to>
          <xdr:col>36</xdr:col>
          <xdr:colOff>38100</xdr:colOff>
          <xdr:row>73</xdr:row>
          <xdr:rowOff>6350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000-00001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6350</xdr:colOff>
          <xdr:row>53</xdr:row>
          <xdr:rowOff>50800</xdr:rowOff>
        </xdr:from>
        <xdr:to>
          <xdr:col>44</xdr:col>
          <xdr:colOff>44450</xdr:colOff>
          <xdr:row>55</xdr:row>
          <xdr:rowOff>5715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000-00001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6350</xdr:colOff>
          <xdr:row>56</xdr:row>
          <xdr:rowOff>50800</xdr:rowOff>
        </xdr:from>
        <xdr:to>
          <xdr:col>44</xdr:col>
          <xdr:colOff>44450</xdr:colOff>
          <xdr:row>58</xdr:row>
          <xdr:rowOff>5715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000-00001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6350</xdr:colOff>
          <xdr:row>62</xdr:row>
          <xdr:rowOff>50800</xdr:rowOff>
        </xdr:from>
        <xdr:to>
          <xdr:col>44</xdr:col>
          <xdr:colOff>44450</xdr:colOff>
          <xdr:row>64</xdr:row>
          <xdr:rowOff>5715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000-00001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6350</xdr:colOff>
          <xdr:row>65</xdr:row>
          <xdr:rowOff>50800</xdr:rowOff>
        </xdr:from>
        <xdr:to>
          <xdr:col>44</xdr:col>
          <xdr:colOff>44450</xdr:colOff>
          <xdr:row>67</xdr:row>
          <xdr:rowOff>57150</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000-00001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6350</xdr:colOff>
          <xdr:row>68</xdr:row>
          <xdr:rowOff>50800</xdr:rowOff>
        </xdr:from>
        <xdr:to>
          <xdr:col>44</xdr:col>
          <xdr:colOff>44450</xdr:colOff>
          <xdr:row>70</xdr:row>
          <xdr:rowOff>57150</xdr:rowOff>
        </xdr:to>
        <xdr:sp macro="" textlink="">
          <xdr:nvSpPr>
            <xdr:cNvPr id="1049" name="Check Box 25" hidden="1">
              <a:extLst>
                <a:ext uri="{63B3BB69-23CF-44E3-9099-C40C66FF867C}">
                  <a14:compatExt spid="_x0000_s1049"/>
                </a:ext>
                <a:ext uri="{FF2B5EF4-FFF2-40B4-BE49-F238E27FC236}">
                  <a16:creationId xmlns:a16="http://schemas.microsoft.com/office/drawing/2014/main" id="{00000000-0008-0000-0000-00001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6350</xdr:colOff>
          <xdr:row>71</xdr:row>
          <xdr:rowOff>50800</xdr:rowOff>
        </xdr:from>
        <xdr:to>
          <xdr:col>44</xdr:col>
          <xdr:colOff>44450</xdr:colOff>
          <xdr:row>73</xdr:row>
          <xdr:rowOff>57150</xdr:rowOff>
        </xdr:to>
        <xdr:sp macro="" textlink="">
          <xdr:nvSpPr>
            <xdr:cNvPr id="1050" name="Check Box 26" hidden="1">
              <a:extLst>
                <a:ext uri="{63B3BB69-23CF-44E3-9099-C40C66FF867C}">
                  <a14:compatExt spid="_x0000_s1050"/>
                </a:ext>
                <a:ext uri="{FF2B5EF4-FFF2-40B4-BE49-F238E27FC236}">
                  <a16:creationId xmlns:a16="http://schemas.microsoft.com/office/drawing/2014/main" id="{00000000-0008-0000-0000-00001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46050</xdr:colOff>
          <xdr:row>50</xdr:row>
          <xdr:rowOff>6350</xdr:rowOff>
        </xdr:from>
        <xdr:to>
          <xdr:col>79</xdr:col>
          <xdr:colOff>31750</xdr:colOff>
          <xdr:row>52</xdr:row>
          <xdr:rowOff>19050</xdr:rowOff>
        </xdr:to>
        <xdr:sp macro="" textlink="">
          <xdr:nvSpPr>
            <xdr:cNvPr id="1051" name="Check Box 27" hidden="1">
              <a:extLst>
                <a:ext uri="{63B3BB69-23CF-44E3-9099-C40C66FF867C}">
                  <a14:compatExt spid="_x0000_s1051"/>
                </a:ext>
                <a:ext uri="{FF2B5EF4-FFF2-40B4-BE49-F238E27FC236}">
                  <a16:creationId xmlns:a16="http://schemas.microsoft.com/office/drawing/2014/main" id="{00000000-0008-0000-0000-00001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65100</xdr:colOff>
          <xdr:row>55</xdr:row>
          <xdr:rowOff>107950</xdr:rowOff>
        </xdr:from>
        <xdr:to>
          <xdr:col>79</xdr:col>
          <xdr:colOff>50800</xdr:colOff>
          <xdr:row>58</xdr:row>
          <xdr:rowOff>12700</xdr:rowOff>
        </xdr:to>
        <xdr:sp macro="" textlink="">
          <xdr:nvSpPr>
            <xdr:cNvPr id="1052" name="Check Box 28" hidden="1">
              <a:extLst>
                <a:ext uri="{63B3BB69-23CF-44E3-9099-C40C66FF867C}">
                  <a14:compatExt spid="_x0000_s1052"/>
                </a:ext>
                <a:ext uri="{FF2B5EF4-FFF2-40B4-BE49-F238E27FC236}">
                  <a16:creationId xmlns:a16="http://schemas.microsoft.com/office/drawing/2014/main" id="{00000000-0008-0000-0000-00001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46050</xdr:colOff>
          <xdr:row>62</xdr:row>
          <xdr:rowOff>76200</xdr:rowOff>
        </xdr:from>
        <xdr:to>
          <xdr:col>65</xdr:col>
          <xdr:colOff>0</xdr:colOff>
          <xdr:row>64</xdr:row>
          <xdr:rowOff>63500</xdr:rowOff>
        </xdr:to>
        <xdr:sp macro="" textlink="">
          <xdr:nvSpPr>
            <xdr:cNvPr id="1053" name="Check Box 29" hidden="1">
              <a:extLst>
                <a:ext uri="{63B3BB69-23CF-44E3-9099-C40C66FF867C}">
                  <a14:compatExt spid="_x0000_s1053"/>
                </a:ext>
                <a:ext uri="{FF2B5EF4-FFF2-40B4-BE49-F238E27FC236}">
                  <a16:creationId xmlns:a16="http://schemas.microsoft.com/office/drawing/2014/main" id="{00000000-0008-0000-0000-00001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46050</xdr:colOff>
          <xdr:row>65</xdr:row>
          <xdr:rowOff>76200</xdr:rowOff>
        </xdr:from>
        <xdr:to>
          <xdr:col>63</xdr:col>
          <xdr:colOff>19050</xdr:colOff>
          <xdr:row>67</xdr:row>
          <xdr:rowOff>69850</xdr:rowOff>
        </xdr:to>
        <xdr:sp macro="" textlink="">
          <xdr:nvSpPr>
            <xdr:cNvPr id="1054" name="Check Box 30" hidden="1">
              <a:extLst>
                <a:ext uri="{63B3BB69-23CF-44E3-9099-C40C66FF867C}">
                  <a14:compatExt spid="_x0000_s1054"/>
                </a:ext>
                <a:ext uri="{FF2B5EF4-FFF2-40B4-BE49-F238E27FC236}">
                  <a16:creationId xmlns:a16="http://schemas.microsoft.com/office/drawing/2014/main" id="{00000000-0008-0000-0000-00001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9</xdr:col>
          <xdr:colOff>146050</xdr:colOff>
          <xdr:row>68</xdr:row>
          <xdr:rowOff>57150</xdr:rowOff>
        </xdr:from>
        <xdr:to>
          <xdr:col>79</xdr:col>
          <xdr:colOff>31750</xdr:colOff>
          <xdr:row>70</xdr:row>
          <xdr:rowOff>69850</xdr:rowOff>
        </xdr:to>
        <xdr:sp macro="" textlink="">
          <xdr:nvSpPr>
            <xdr:cNvPr id="1055" name="Check Box 31" hidden="1">
              <a:extLst>
                <a:ext uri="{63B3BB69-23CF-44E3-9099-C40C66FF867C}">
                  <a14:compatExt spid="_x0000_s1055"/>
                </a:ext>
                <a:ext uri="{FF2B5EF4-FFF2-40B4-BE49-F238E27FC236}">
                  <a16:creationId xmlns:a16="http://schemas.microsoft.com/office/drawing/2014/main" id="{00000000-0008-0000-0000-00001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31750</xdr:colOff>
          <xdr:row>112</xdr:row>
          <xdr:rowOff>6350</xdr:rowOff>
        </xdr:from>
        <xdr:to>
          <xdr:col>58</xdr:col>
          <xdr:colOff>6350</xdr:colOff>
          <xdr:row>114</xdr:row>
          <xdr:rowOff>38100</xdr:rowOff>
        </xdr:to>
        <xdr:sp macro="" textlink="">
          <xdr:nvSpPr>
            <xdr:cNvPr id="1056" name="Check Box 32" hidden="1">
              <a:extLst>
                <a:ext uri="{63B3BB69-23CF-44E3-9099-C40C66FF867C}">
                  <a14:compatExt spid="_x0000_s1056"/>
                </a:ext>
                <a:ext uri="{FF2B5EF4-FFF2-40B4-BE49-F238E27FC236}">
                  <a16:creationId xmlns:a16="http://schemas.microsoft.com/office/drawing/2014/main" id="{00000000-0008-0000-0000-00002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6</xdr:col>
          <xdr:colOff>25400</xdr:colOff>
          <xdr:row>112</xdr:row>
          <xdr:rowOff>6350</xdr:rowOff>
        </xdr:from>
        <xdr:to>
          <xdr:col>91</xdr:col>
          <xdr:colOff>12700</xdr:colOff>
          <xdr:row>114</xdr:row>
          <xdr:rowOff>25400</xdr:rowOff>
        </xdr:to>
        <xdr:sp macro="" textlink="">
          <xdr:nvSpPr>
            <xdr:cNvPr id="1057" name="Check Box 33" hidden="1">
              <a:extLst>
                <a:ext uri="{63B3BB69-23CF-44E3-9099-C40C66FF867C}">
                  <a14:compatExt spid="_x0000_s1057"/>
                </a:ext>
                <a:ext uri="{FF2B5EF4-FFF2-40B4-BE49-F238E27FC236}">
                  <a16:creationId xmlns:a16="http://schemas.microsoft.com/office/drawing/2014/main" id="{00000000-0008-0000-0000-00002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44450</xdr:colOff>
          <xdr:row>116</xdr:row>
          <xdr:rowOff>44450</xdr:rowOff>
        </xdr:from>
        <xdr:to>
          <xdr:col>25</xdr:col>
          <xdr:colOff>57150</xdr:colOff>
          <xdr:row>119</xdr:row>
          <xdr:rowOff>50800</xdr:rowOff>
        </xdr:to>
        <xdr:sp macro="" textlink="">
          <xdr:nvSpPr>
            <xdr:cNvPr id="1058" name="Check Box 34" hidden="1">
              <a:extLst>
                <a:ext uri="{63B3BB69-23CF-44E3-9099-C40C66FF867C}">
                  <a14:compatExt spid="_x0000_s1058"/>
                </a:ext>
                <a:ext uri="{FF2B5EF4-FFF2-40B4-BE49-F238E27FC236}">
                  <a16:creationId xmlns:a16="http://schemas.microsoft.com/office/drawing/2014/main" id="{00000000-0008-0000-0000-00002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38100</xdr:colOff>
          <xdr:row>116</xdr:row>
          <xdr:rowOff>57150</xdr:rowOff>
        </xdr:from>
        <xdr:to>
          <xdr:col>37</xdr:col>
          <xdr:colOff>38100</xdr:colOff>
          <xdr:row>119</xdr:row>
          <xdr:rowOff>38100</xdr:rowOff>
        </xdr:to>
        <xdr:sp macro="" textlink="">
          <xdr:nvSpPr>
            <xdr:cNvPr id="1059" name="Check Box 35" hidden="1">
              <a:extLst>
                <a:ext uri="{63B3BB69-23CF-44E3-9099-C40C66FF867C}">
                  <a14:compatExt spid="_x0000_s1059"/>
                </a:ext>
                <a:ext uri="{FF2B5EF4-FFF2-40B4-BE49-F238E27FC236}">
                  <a16:creationId xmlns:a16="http://schemas.microsoft.com/office/drawing/2014/main" id="{00000000-0008-0000-0000-00002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700</xdr:colOff>
          <xdr:row>116</xdr:row>
          <xdr:rowOff>44450</xdr:rowOff>
        </xdr:from>
        <xdr:to>
          <xdr:col>46</xdr:col>
          <xdr:colOff>25400</xdr:colOff>
          <xdr:row>119</xdr:row>
          <xdr:rowOff>31750</xdr:rowOff>
        </xdr:to>
        <xdr:sp macro="" textlink="">
          <xdr:nvSpPr>
            <xdr:cNvPr id="1060" name="Check Box 36" hidden="1">
              <a:extLst>
                <a:ext uri="{63B3BB69-23CF-44E3-9099-C40C66FF867C}">
                  <a14:compatExt spid="_x0000_s1060"/>
                </a:ext>
                <a:ext uri="{FF2B5EF4-FFF2-40B4-BE49-F238E27FC236}">
                  <a16:creationId xmlns:a16="http://schemas.microsoft.com/office/drawing/2014/main" id="{00000000-0008-0000-0000-00002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2</xdr:col>
          <xdr:colOff>6350</xdr:colOff>
          <xdr:row>116</xdr:row>
          <xdr:rowOff>44450</xdr:rowOff>
        </xdr:from>
        <xdr:to>
          <xdr:col>76</xdr:col>
          <xdr:colOff>6350</xdr:colOff>
          <xdr:row>119</xdr:row>
          <xdr:rowOff>31750</xdr:rowOff>
        </xdr:to>
        <xdr:sp macro="" textlink="">
          <xdr:nvSpPr>
            <xdr:cNvPr id="1061" name="Check Box 37" hidden="1">
              <a:extLst>
                <a:ext uri="{63B3BB69-23CF-44E3-9099-C40C66FF867C}">
                  <a14:compatExt spid="_x0000_s1061"/>
                </a:ext>
                <a:ext uri="{FF2B5EF4-FFF2-40B4-BE49-F238E27FC236}">
                  <a16:creationId xmlns:a16="http://schemas.microsoft.com/office/drawing/2014/main" id="{00000000-0008-0000-0000-00002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7</xdr:col>
          <xdr:colOff>76200</xdr:colOff>
          <xdr:row>116</xdr:row>
          <xdr:rowOff>63500</xdr:rowOff>
        </xdr:from>
        <xdr:to>
          <xdr:col>86</xdr:col>
          <xdr:colOff>31750</xdr:colOff>
          <xdr:row>119</xdr:row>
          <xdr:rowOff>25400</xdr:rowOff>
        </xdr:to>
        <xdr:sp macro="" textlink="">
          <xdr:nvSpPr>
            <xdr:cNvPr id="1062" name="Check Box 38" hidden="1">
              <a:extLst>
                <a:ext uri="{63B3BB69-23CF-44E3-9099-C40C66FF867C}">
                  <a14:compatExt spid="_x0000_s1062"/>
                </a:ext>
                <a:ext uri="{FF2B5EF4-FFF2-40B4-BE49-F238E27FC236}">
                  <a16:creationId xmlns:a16="http://schemas.microsoft.com/office/drawing/2014/main" id="{00000000-0008-0000-0000-00002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7</xdr:col>
          <xdr:colOff>38100</xdr:colOff>
          <xdr:row>116</xdr:row>
          <xdr:rowOff>38100</xdr:rowOff>
        </xdr:from>
        <xdr:to>
          <xdr:col>94</xdr:col>
          <xdr:colOff>0</xdr:colOff>
          <xdr:row>119</xdr:row>
          <xdr:rowOff>38100</xdr:rowOff>
        </xdr:to>
        <xdr:sp macro="" textlink="">
          <xdr:nvSpPr>
            <xdr:cNvPr id="1063" name="Check Box 39" hidden="1">
              <a:extLst>
                <a:ext uri="{63B3BB69-23CF-44E3-9099-C40C66FF867C}">
                  <a14:compatExt spid="_x0000_s1063"/>
                </a:ext>
                <a:ext uri="{FF2B5EF4-FFF2-40B4-BE49-F238E27FC236}">
                  <a16:creationId xmlns:a16="http://schemas.microsoft.com/office/drawing/2014/main" id="{00000000-0008-0000-0000-00002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44450</xdr:colOff>
          <xdr:row>128</xdr:row>
          <xdr:rowOff>88900</xdr:rowOff>
        </xdr:from>
        <xdr:to>
          <xdr:col>61</xdr:col>
          <xdr:colOff>57150</xdr:colOff>
          <xdr:row>130</xdr:row>
          <xdr:rowOff>82550</xdr:rowOff>
        </xdr:to>
        <xdr:sp macro="" textlink="">
          <xdr:nvSpPr>
            <xdr:cNvPr id="1064" name="Check Box 40" hidden="1">
              <a:extLst>
                <a:ext uri="{63B3BB69-23CF-44E3-9099-C40C66FF867C}">
                  <a14:compatExt spid="_x0000_s1064"/>
                </a:ext>
                <a:ext uri="{FF2B5EF4-FFF2-40B4-BE49-F238E27FC236}">
                  <a16:creationId xmlns:a16="http://schemas.microsoft.com/office/drawing/2014/main" id="{00000000-0008-0000-0000-00002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82550</xdr:colOff>
          <xdr:row>115</xdr:row>
          <xdr:rowOff>19050</xdr:rowOff>
        </xdr:from>
        <xdr:to>
          <xdr:col>76</xdr:col>
          <xdr:colOff>69850</xdr:colOff>
          <xdr:row>119</xdr:row>
          <xdr:rowOff>6350</xdr:rowOff>
        </xdr:to>
        <xdr:sp macro="" textlink="">
          <xdr:nvSpPr>
            <xdr:cNvPr id="2049" name="Check Box 1" hidden="1">
              <a:extLst>
                <a:ext uri="{63B3BB69-23CF-44E3-9099-C40C66FF867C}">
                  <a14:compatExt spid="_x0000_s2049"/>
                </a:ext>
                <a:ext uri="{FF2B5EF4-FFF2-40B4-BE49-F238E27FC236}">
                  <a16:creationId xmlns:a16="http://schemas.microsoft.com/office/drawing/2014/main" id="{00000000-0008-0000-0100-00000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8900</xdr:colOff>
          <xdr:row>119</xdr:row>
          <xdr:rowOff>38100</xdr:rowOff>
        </xdr:from>
        <xdr:to>
          <xdr:col>76</xdr:col>
          <xdr:colOff>76200</xdr:colOff>
          <xdr:row>123</xdr:row>
          <xdr:rowOff>6350</xdr:rowOff>
        </xdr:to>
        <xdr:sp macro="" textlink="">
          <xdr:nvSpPr>
            <xdr:cNvPr id="2050" name="Check Box 2" hidden="1">
              <a:extLst>
                <a:ext uri="{63B3BB69-23CF-44E3-9099-C40C66FF867C}">
                  <a14:compatExt spid="_x0000_s2050"/>
                </a:ext>
                <a:ext uri="{FF2B5EF4-FFF2-40B4-BE49-F238E27FC236}">
                  <a16:creationId xmlns:a16="http://schemas.microsoft.com/office/drawing/2014/main" id="{00000000-0008-0000-0100-00000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88900</xdr:colOff>
          <xdr:row>123</xdr:row>
          <xdr:rowOff>25400</xdr:rowOff>
        </xdr:from>
        <xdr:to>
          <xdr:col>76</xdr:col>
          <xdr:colOff>76200</xdr:colOff>
          <xdr:row>126</xdr:row>
          <xdr:rowOff>88900</xdr:rowOff>
        </xdr:to>
        <xdr:sp macro="" textlink="">
          <xdr:nvSpPr>
            <xdr:cNvPr id="2051" name="Check Box 3" hidden="1">
              <a:extLst>
                <a:ext uri="{63B3BB69-23CF-44E3-9099-C40C66FF867C}">
                  <a14:compatExt spid="_x0000_s2051"/>
                </a:ext>
                <a:ext uri="{FF2B5EF4-FFF2-40B4-BE49-F238E27FC236}">
                  <a16:creationId xmlns:a16="http://schemas.microsoft.com/office/drawing/2014/main" id="{00000000-0008-0000-0100-00000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0</xdr:colOff>
          <xdr:row>127</xdr:row>
          <xdr:rowOff>12700</xdr:rowOff>
        </xdr:from>
        <xdr:to>
          <xdr:col>76</xdr:col>
          <xdr:colOff>63500</xdr:colOff>
          <xdr:row>130</xdr:row>
          <xdr:rowOff>76200</xdr:rowOff>
        </xdr:to>
        <xdr:sp macro="" textlink="">
          <xdr:nvSpPr>
            <xdr:cNvPr id="2052" name="Check Box 4" hidden="1">
              <a:extLst>
                <a:ext uri="{63B3BB69-23CF-44E3-9099-C40C66FF867C}">
                  <a14:compatExt spid="_x0000_s2052"/>
                </a:ext>
                <a:ext uri="{FF2B5EF4-FFF2-40B4-BE49-F238E27FC236}">
                  <a16:creationId xmlns:a16="http://schemas.microsoft.com/office/drawing/2014/main" id="{00000000-0008-0000-0100-00000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76200</xdr:colOff>
          <xdr:row>131</xdr:row>
          <xdr:rowOff>12700</xdr:rowOff>
        </xdr:from>
        <xdr:to>
          <xdr:col>76</xdr:col>
          <xdr:colOff>63500</xdr:colOff>
          <xdr:row>134</xdr:row>
          <xdr:rowOff>76200</xdr:rowOff>
        </xdr:to>
        <xdr:sp macro="" textlink="">
          <xdr:nvSpPr>
            <xdr:cNvPr id="2053" name="Check Box 5" hidden="1">
              <a:extLst>
                <a:ext uri="{63B3BB69-23CF-44E3-9099-C40C66FF867C}">
                  <a14:compatExt spid="_x0000_s2053"/>
                </a:ext>
                <a:ext uri="{FF2B5EF4-FFF2-40B4-BE49-F238E27FC236}">
                  <a16:creationId xmlns:a16="http://schemas.microsoft.com/office/drawing/2014/main" id="{00000000-0008-0000-0100-00000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1600</xdr:colOff>
          <xdr:row>2</xdr:row>
          <xdr:rowOff>114300</xdr:rowOff>
        </xdr:from>
        <xdr:to>
          <xdr:col>8</xdr:col>
          <xdr:colOff>6350</xdr:colOff>
          <xdr:row>6</xdr:row>
          <xdr:rowOff>63500</xdr:rowOff>
        </xdr:to>
        <xdr:sp macro="" textlink="">
          <xdr:nvSpPr>
            <xdr:cNvPr id="2054" name="Check Box 6" hidden="1">
              <a:extLst>
                <a:ext uri="{63B3BB69-23CF-44E3-9099-C40C66FF867C}">
                  <a14:compatExt spid="_x0000_s2054"/>
                </a:ext>
                <a:ext uri="{FF2B5EF4-FFF2-40B4-BE49-F238E27FC236}">
                  <a16:creationId xmlns:a16="http://schemas.microsoft.com/office/drawing/2014/main" id="{00000000-0008-0000-0100-00000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7950</xdr:colOff>
          <xdr:row>6</xdr:row>
          <xdr:rowOff>50800</xdr:rowOff>
        </xdr:from>
        <xdr:to>
          <xdr:col>6</xdr:col>
          <xdr:colOff>57150</xdr:colOff>
          <xdr:row>10</xdr:row>
          <xdr:rowOff>69850</xdr:rowOff>
        </xdr:to>
        <xdr:sp macro="" textlink="">
          <xdr:nvSpPr>
            <xdr:cNvPr id="2055" name="Check Box 7" hidden="1">
              <a:extLst>
                <a:ext uri="{63B3BB69-23CF-44E3-9099-C40C66FF867C}">
                  <a14:compatExt spid="_x0000_s2055"/>
                </a:ext>
                <a:ext uri="{FF2B5EF4-FFF2-40B4-BE49-F238E27FC236}">
                  <a16:creationId xmlns:a16="http://schemas.microsoft.com/office/drawing/2014/main" id="{00000000-0008-0000-0100-00000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69850</xdr:colOff>
          <xdr:row>9</xdr:row>
          <xdr:rowOff>44450</xdr:rowOff>
        </xdr:from>
        <xdr:to>
          <xdr:col>25</xdr:col>
          <xdr:colOff>19050</xdr:colOff>
          <xdr:row>11</xdr:row>
          <xdr:rowOff>69850</xdr:rowOff>
        </xdr:to>
        <xdr:sp macro="" textlink="">
          <xdr:nvSpPr>
            <xdr:cNvPr id="2056" name="Check Box 8" hidden="1">
              <a:extLst>
                <a:ext uri="{63B3BB69-23CF-44E3-9099-C40C66FF867C}">
                  <a14:compatExt spid="_x0000_s2056"/>
                </a:ext>
                <a:ext uri="{FF2B5EF4-FFF2-40B4-BE49-F238E27FC236}">
                  <a16:creationId xmlns:a16="http://schemas.microsoft.com/office/drawing/2014/main" id="{00000000-0008-0000-0100-00000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69850</xdr:colOff>
          <xdr:row>11</xdr:row>
          <xdr:rowOff>50800</xdr:rowOff>
        </xdr:from>
        <xdr:to>
          <xdr:col>25</xdr:col>
          <xdr:colOff>19050</xdr:colOff>
          <xdr:row>13</xdr:row>
          <xdr:rowOff>76200</xdr:rowOff>
        </xdr:to>
        <xdr:sp macro="" textlink="">
          <xdr:nvSpPr>
            <xdr:cNvPr id="2058" name="Check Box 10" hidden="1">
              <a:extLst>
                <a:ext uri="{63B3BB69-23CF-44E3-9099-C40C66FF867C}">
                  <a14:compatExt spid="_x0000_s2058"/>
                </a:ext>
                <a:ext uri="{FF2B5EF4-FFF2-40B4-BE49-F238E27FC236}">
                  <a16:creationId xmlns:a16="http://schemas.microsoft.com/office/drawing/2014/main" id="{00000000-0008-0000-0100-00000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31750</xdr:colOff>
          <xdr:row>9</xdr:row>
          <xdr:rowOff>31750</xdr:rowOff>
        </xdr:from>
        <xdr:to>
          <xdr:col>32</xdr:col>
          <xdr:colOff>88900</xdr:colOff>
          <xdr:row>11</xdr:row>
          <xdr:rowOff>57150</xdr:rowOff>
        </xdr:to>
        <xdr:sp macro="" textlink="">
          <xdr:nvSpPr>
            <xdr:cNvPr id="2059" name="Check Box 11" hidden="1">
              <a:extLst>
                <a:ext uri="{63B3BB69-23CF-44E3-9099-C40C66FF867C}">
                  <a14:compatExt spid="_x0000_s2059"/>
                </a:ext>
                <a:ext uri="{FF2B5EF4-FFF2-40B4-BE49-F238E27FC236}">
                  <a16:creationId xmlns:a16="http://schemas.microsoft.com/office/drawing/2014/main" id="{00000000-0008-0000-0100-00000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31750</xdr:colOff>
          <xdr:row>11</xdr:row>
          <xdr:rowOff>44450</xdr:rowOff>
        </xdr:from>
        <xdr:to>
          <xdr:col>32</xdr:col>
          <xdr:colOff>88900</xdr:colOff>
          <xdr:row>13</xdr:row>
          <xdr:rowOff>69850</xdr:rowOff>
        </xdr:to>
        <xdr:sp macro="" textlink="">
          <xdr:nvSpPr>
            <xdr:cNvPr id="2060" name="Check Box 12" hidden="1">
              <a:extLst>
                <a:ext uri="{63B3BB69-23CF-44E3-9099-C40C66FF867C}">
                  <a14:compatExt spid="_x0000_s2060"/>
                </a:ext>
                <a:ext uri="{FF2B5EF4-FFF2-40B4-BE49-F238E27FC236}">
                  <a16:creationId xmlns:a16="http://schemas.microsoft.com/office/drawing/2014/main" id="{00000000-0008-0000-0100-00000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12700</xdr:colOff>
          <xdr:row>15</xdr:row>
          <xdr:rowOff>38100</xdr:rowOff>
        </xdr:from>
        <xdr:to>
          <xdr:col>14</xdr:col>
          <xdr:colOff>69850</xdr:colOff>
          <xdr:row>17</xdr:row>
          <xdr:rowOff>63500</xdr:rowOff>
        </xdr:to>
        <xdr:sp macro="" textlink="">
          <xdr:nvSpPr>
            <xdr:cNvPr id="2061" name="Check Box 13" hidden="1">
              <a:extLst>
                <a:ext uri="{63B3BB69-23CF-44E3-9099-C40C66FF867C}">
                  <a14:compatExt spid="_x0000_s2061"/>
                </a:ext>
                <a:ext uri="{FF2B5EF4-FFF2-40B4-BE49-F238E27FC236}">
                  <a16:creationId xmlns:a16="http://schemas.microsoft.com/office/drawing/2014/main" id="{00000000-0008-0000-0100-00000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xdr:col>
          <xdr:colOff>6350</xdr:colOff>
          <xdr:row>21</xdr:row>
          <xdr:rowOff>38100</xdr:rowOff>
        </xdr:from>
        <xdr:to>
          <xdr:col>13</xdr:col>
          <xdr:colOff>88900</xdr:colOff>
          <xdr:row>23</xdr:row>
          <xdr:rowOff>50800</xdr:rowOff>
        </xdr:to>
        <xdr:sp macro="" textlink="">
          <xdr:nvSpPr>
            <xdr:cNvPr id="2062" name="Check Box 14" hidden="1">
              <a:extLst>
                <a:ext uri="{63B3BB69-23CF-44E3-9099-C40C66FF867C}">
                  <a14:compatExt spid="_x0000_s2062"/>
                </a:ext>
                <a:ext uri="{FF2B5EF4-FFF2-40B4-BE49-F238E27FC236}">
                  <a16:creationId xmlns:a16="http://schemas.microsoft.com/office/drawing/2014/main" id="{00000000-0008-0000-0100-00000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7950</xdr:colOff>
          <xdr:row>25</xdr:row>
          <xdr:rowOff>38100</xdr:rowOff>
        </xdr:from>
        <xdr:to>
          <xdr:col>23</xdr:col>
          <xdr:colOff>25400</xdr:colOff>
          <xdr:row>27</xdr:row>
          <xdr:rowOff>63500</xdr:rowOff>
        </xdr:to>
        <xdr:sp macro="" textlink="">
          <xdr:nvSpPr>
            <xdr:cNvPr id="2063" name="Check Box 15" hidden="1">
              <a:extLst>
                <a:ext uri="{63B3BB69-23CF-44E3-9099-C40C66FF867C}">
                  <a14:compatExt spid="_x0000_s2063"/>
                </a:ext>
                <a:ext uri="{FF2B5EF4-FFF2-40B4-BE49-F238E27FC236}">
                  <a16:creationId xmlns:a16="http://schemas.microsoft.com/office/drawing/2014/main" id="{00000000-0008-0000-0100-00000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1600</xdr:colOff>
          <xdr:row>29</xdr:row>
          <xdr:rowOff>19050</xdr:rowOff>
        </xdr:from>
        <xdr:to>
          <xdr:col>26</xdr:col>
          <xdr:colOff>6350</xdr:colOff>
          <xdr:row>32</xdr:row>
          <xdr:rowOff>6350</xdr:rowOff>
        </xdr:to>
        <xdr:sp macro="" textlink="">
          <xdr:nvSpPr>
            <xdr:cNvPr id="2064" name="Check Box 16" hidden="1">
              <a:extLst>
                <a:ext uri="{63B3BB69-23CF-44E3-9099-C40C66FF867C}">
                  <a14:compatExt spid="_x0000_s2064"/>
                </a:ext>
                <a:ext uri="{FF2B5EF4-FFF2-40B4-BE49-F238E27FC236}">
                  <a16:creationId xmlns:a16="http://schemas.microsoft.com/office/drawing/2014/main" id="{00000000-0008-0000-0100-00001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2</xdr:col>
          <xdr:colOff>82550</xdr:colOff>
          <xdr:row>2</xdr:row>
          <xdr:rowOff>82550</xdr:rowOff>
        </xdr:from>
        <xdr:to>
          <xdr:col>63</xdr:col>
          <xdr:colOff>76200</xdr:colOff>
          <xdr:row>6</xdr:row>
          <xdr:rowOff>25400</xdr:rowOff>
        </xdr:to>
        <xdr:sp macro="" textlink="">
          <xdr:nvSpPr>
            <xdr:cNvPr id="2065" name="Check Box 17" hidden="1">
              <a:extLst>
                <a:ext uri="{63B3BB69-23CF-44E3-9099-C40C66FF867C}">
                  <a14:compatExt spid="_x0000_s2065"/>
                </a:ext>
                <a:ext uri="{FF2B5EF4-FFF2-40B4-BE49-F238E27FC236}">
                  <a16:creationId xmlns:a16="http://schemas.microsoft.com/office/drawing/2014/main" id="{00000000-0008-0000-0100-00001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2</xdr:col>
          <xdr:colOff>76200</xdr:colOff>
          <xdr:row>8</xdr:row>
          <xdr:rowOff>69850</xdr:rowOff>
        </xdr:from>
        <xdr:to>
          <xdr:col>65</xdr:col>
          <xdr:colOff>69850</xdr:colOff>
          <xdr:row>13</xdr:row>
          <xdr:rowOff>12700</xdr:rowOff>
        </xdr:to>
        <xdr:sp macro="" textlink="">
          <xdr:nvSpPr>
            <xdr:cNvPr id="2066" name="Check Box 18" hidden="1">
              <a:extLst>
                <a:ext uri="{63B3BB69-23CF-44E3-9099-C40C66FF867C}">
                  <a14:compatExt spid="_x0000_s2066"/>
                </a:ext>
                <a:ext uri="{FF2B5EF4-FFF2-40B4-BE49-F238E27FC236}">
                  <a16:creationId xmlns:a16="http://schemas.microsoft.com/office/drawing/2014/main" id="{00000000-0008-0000-0100-00001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0</xdr:col>
          <xdr:colOff>25400</xdr:colOff>
          <xdr:row>9</xdr:row>
          <xdr:rowOff>50800</xdr:rowOff>
        </xdr:from>
        <xdr:to>
          <xdr:col>75</xdr:col>
          <xdr:colOff>38100</xdr:colOff>
          <xdr:row>12</xdr:row>
          <xdr:rowOff>50800</xdr:rowOff>
        </xdr:to>
        <xdr:sp macro="" textlink="">
          <xdr:nvSpPr>
            <xdr:cNvPr id="2067" name="Check Box 19" hidden="1">
              <a:extLst>
                <a:ext uri="{63B3BB69-23CF-44E3-9099-C40C66FF867C}">
                  <a14:compatExt spid="_x0000_s2067"/>
                </a:ext>
                <a:ext uri="{FF2B5EF4-FFF2-40B4-BE49-F238E27FC236}">
                  <a16:creationId xmlns:a16="http://schemas.microsoft.com/office/drawing/2014/main" id="{00000000-0008-0000-0100-00001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8</xdr:col>
          <xdr:colOff>69850</xdr:colOff>
          <xdr:row>9</xdr:row>
          <xdr:rowOff>0</xdr:rowOff>
        </xdr:from>
        <xdr:to>
          <xdr:col>83</xdr:col>
          <xdr:colOff>88900</xdr:colOff>
          <xdr:row>13</xdr:row>
          <xdr:rowOff>0</xdr:rowOff>
        </xdr:to>
        <xdr:sp macro="" textlink="">
          <xdr:nvSpPr>
            <xdr:cNvPr id="2068" name="Check Box 20" hidden="1">
              <a:extLst>
                <a:ext uri="{63B3BB69-23CF-44E3-9099-C40C66FF867C}">
                  <a14:compatExt spid="_x0000_s2068"/>
                </a:ext>
                <a:ext uri="{FF2B5EF4-FFF2-40B4-BE49-F238E27FC236}">
                  <a16:creationId xmlns:a16="http://schemas.microsoft.com/office/drawing/2014/main" id="{00000000-0008-0000-0100-00001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6</xdr:col>
          <xdr:colOff>76200</xdr:colOff>
          <xdr:row>9</xdr:row>
          <xdr:rowOff>50800</xdr:rowOff>
        </xdr:from>
        <xdr:to>
          <xdr:col>91</xdr:col>
          <xdr:colOff>95250</xdr:colOff>
          <xdr:row>12</xdr:row>
          <xdr:rowOff>50800</xdr:rowOff>
        </xdr:to>
        <xdr:sp macro="" textlink="">
          <xdr:nvSpPr>
            <xdr:cNvPr id="2069" name="Check Box 21" hidden="1">
              <a:extLst>
                <a:ext uri="{63B3BB69-23CF-44E3-9099-C40C66FF867C}">
                  <a14:compatExt spid="_x0000_s2069"/>
                </a:ext>
                <a:ext uri="{FF2B5EF4-FFF2-40B4-BE49-F238E27FC236}">
                  <a16:creationId xmlns:a16="http://schemas.microsoft.com/office/drawing/2014/main" id="{00000000-0008-0000-0100-00001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0</xdr:col>
          <xdr:colOff>31750</xdr:colOff>
          <xdr:row>13</xdr:row>
          <xdr:rowOff>0</xdr:rowOff>
        </xdr:from>
        <xdr:to>
          <xdr:col>75</xdr:col>
          <xdr:colOff>44450</xdr:colOff>
          <xdr:row>15</xdr:row>
          <xdr:rowOff>69850</xdr:rowOff>
        </xdr:to>
        <xdr:sp macro="" textlink="">
          <xdr:nvSpPr>
            <xdr:cNvPr id="2070" name="Check Box 22" hidden="1">
              <a:extLst>
                <a:ext uri="{63B3BB69-23CF-44E3-9099-C40C66FF867C}">
                  <a14:compatExt spid="_x0000_s2070"/>
                </a:ext>
                <a:ext uri="{FF2B5EF4-FFF2-40B4-BE49-F238E27FC236}">
                  <a16:creationId xmlns:a16="http://schemas.microsoft.com/office/drawing/2014/main" id="{00000000-0008-0000-0100-00001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8</xdr:col>
          <xdr:colOff>88900</xdr:colOff>
          <xdr:row>13</xdr:row>
          <xdr:rowOff>0</xdr:rowOff>
        </xdr:from>
        <xdr:to>
          <xdr:col>83</xdr:col>
          <xdr:colOff>101600</xdr:colOff>
          <xdr:row>15</xdr:row>
          <xdr:rowOff>69850</xdr:rowOff>
        </xdr:to>
        <xdr:sp macro="" textlink="">
          <xdr:nvSpPr>
            <xdr:cNvPr id="2071" name="Check Box 23" hidden="1">
              <a:extLst>
                <a:ext uri="{63B3BB69-23CF-44E3-9099-C40C66FF867C}">
                  <a14:compatExt spid="_x0000_s2071"/>
                </a:ext>
                <a:ext uri="{FF2B5EF4-FFF2-40B4-BE49-F238E27FC236}">
                  <a16:creationId xmlns:a16="http://schemas.microsoft.com/office/drawing/2014/main" id="{00000000-0008-0000-0100-00001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6</xdr:col>
          <xdr:colOff>88900</xdr:colOff>
          <xdr:row>13</xdr:row>
          <xdr:rowOff>0</xdr:rowOff>
        </xdr:from>
        <xdr:to>
          <xdr:col>91</xdr:col>
          <xdr:colOff>101600</xdr:colOff>
          <xdr:row>15</xdr:row>
          <xdr:rowOff>69850</xdr:rowOff>
        </xdr:to>
        <xdr:sp macro="" textlink="">
          <xdr:nvSpPr>
            <xdr:cNvPr id="2072" name="Check Box 24" hidden="1">
              <a:extLst>
                <a:ext uri="{63B3BB69-23CF-44E3-9099-C40C66FF867C}">
                  <a14:compatExt spid="_x0000_s2072"/>
                </a:ext>
                <a:ext uri="{FF2B5EF4-FFF2-40B4-BE49-F238E27FC236}">
                  <a16:creationId xmlns:a16="http://schemas.microsoft.com/office/drawing/2014/main" id="{00000000-0008-0000-0100-00001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6</xdr:col>
          <xdr:colOff>88900</xdr:colOff>
          <xdr:row>27</xdr:row>
          <xdr:rowOff>38100</xdr:rowOff>
        </xdr:from>
        <xdr:to>
          <xdr:col>61</xdr:col>
          <xdr:colOff>6350</xdr:colOff>
          <xdr:row>30</xdr:row>
          <xdr:rowOff>38100</xdr:rowOff>
        </xdr:to>
        <xdr:sp macro="" textlink="">
          <xdr:nvSpPr>
            <xdr:cNvPr id="2073" name="Check Box 25" hidden="1">
              <a:extLst>
                <a:ext uri="{63B3BB69-23CF-44E3-9099-C40C66FF867C}">
                  <a14:compatExt spid="_x0000_s2073"/>
                </a:ext>
                <a:ext uri="{FF2B5EF4-FFF2-40B4-BE49-F238E27FC236}">
                  <a16:creationId xmlns:a16="http://schemas.microsoft.com/office/drawing/2014/main" id="{00000000-0008-0000-0100-00001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2</xdr:col>
          <xdr:colOff>107950</xdr:colOff>
          <xdr:row>18</xdr:row>
          <xdr:rowOff>76200</xdr:rowOff>
        </xdr:from>
        <xdr:to>
          <xdr:col>67</xdr:col>
          <xdr:colOff>25400</xdr:colOff>
          <xdr:row>22</xdr:row>
          <xdr:rowOff>19050</xdr:rowOff>
        </xdr:to>
        <xdr:sp macro="" textlink="">
          <xdr:nvSpPr>
            <xdr:cNvPr id="2074" name="Check Box 26" hidden="1">
              <a:extLst>
                <a:ext uri="{63B3BB69-23CF-44E3-9099-C40C66FF867C}">
                  <a14:compatExt spid="_x0000_s2074"/>
                </a:ext>
                <a:ext uri="{FF2B5EF4-FFF2-40B4-BE49-F238E27FC236}">
                  <a16:creationId xmlns:a16="http://schemas.microsoft.com/office/drawing/2014/main" id="{00000000-0008-0000-0100-00001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4</xdr:col>
          <xdr:colOff>107950</xdr:colOff>
          <xdr:row>19</xdr:row>
          <xdr:rowOff>19050</xdr:rowOff>
        </xdr:from>
        <xdr:to>
          <xdr:col>85</xdr:col>
          <xdr:colOff>88900</xdr:colOff>
          <xdr:row>22</xdr:row>
          <xdr:rowOff>0</xdr:rowOff>
        </xdr:to>
        <xdr:sp macro="" textlink="">
          <xdr:nvSpPr>
            <xdr:cNvPr id="2075" name="Check Box 27" hidden="1">
              <a:extLst>
                <a:ext uri="{63B3BB69-23CF-44E3-9099-C40C66FF867C}">
                  <a14:compatExt spid="_x0000_s2075"/>
                </a:ext>
                <a:ext uri="{FF2B5EF4-FFF2-40B4-BE49-F238E27FC236}">
                  <a16:creationId xmlns:a16="http://schemas.microsoft.com/office/drawing/2014/main" id="{00000000-0008-0000-0100-00001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7</xdr:col>
          <xdr:colOff>63500</xdr:colOff>
          <xdr:row>18</xdr:row>
          <xdr:rowOff>31750</xdr:rowOff>
        </xdr:from>
        <xdr:to>
          <xdr:col>95</xdr:col>
          <xdr:colOff>31750</xdr:colOff>
          <xdr:row>22</xdr:row>
          <xdr:rowOff>50800</xdr:rowOff>
        </xdr:to>
        <xdr:sp macro="" textlink="">
          <xdr:nvSpPr>
            <xdr:cNvPr id="2076" name="Check Box 28" hidden="1">
              <a:extLst>
                <a:ext uri="{63B3BB69-23CF-44E3-9099-C40C66FF867C}">
                  <a14:compatExt spid="_x0000_s2076"/>
                </a:ext>
                <a:ext uri="{FF2B5EF4-FFF2-40B4-BE49-F238E27FC236}">
                  <a16:creationId xmlns:a16="http://schemas.microsoft.com/office/drawing/2014/main" id="{00000000-0008-0000-0100-00001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1</xdr:col>
          <xdr:colOff>57150</xdr:colOff>
          <xdr:row>27</xdr:row>
          <xdr:rowOff>63500</xdr:rowOff>
        </xdr:from>
        <xdr:to>
          <xdr:col>65</xdr:col>
          <xdr:colOff>19050</xdr:colOff>
          <xdr:row>29</xdr:row>
          <xdr:rowOff>69850</xdr:rowOff>
        </xdr:to>
        <xdr:sp macro="" textlink="">
          <xdr:nvSpPr>
            <xdr:cNvPr id="2077" name="Check Box 29" hidden="1">
              <a:extLst>
                <a:ext uri="{63B3BB69-23CF-44E3-9099-C40C66FF867C}">
                  <a14:compatExt spid="_x0000_s2077"/>
                </a:ext>
                <a:ext uri="{FF2B5EF4-FFF2-40B4-BE49-F238E27FC236}">
                  <a16:creationId xmlns:a16="http://schemas.microsoft.com/office/drawing/2014/main" id="{00000000-0008-0000-0100-00001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6</xdr:col>
          <xdr:colOff>0</xdr:colOff>
          <xdr:row>27</xdr:row>
          <xdr:rowOff>57150</xdr:rowOff>
        </xdr:from>
        <xdr:to>
          <xdr:col>69</xdr:col>
          <xdr:colOff>82550</xdr:colOff>
          <xdr:row>30</xdr:row>
          <xdr:rowOff>25400</xdr:rowOff>
        </xdr:to>
        <xdr:sp macro="" textlink="">
          <xdr:nvSpPr>
            <xdr:cNvPr id="2078" name="Check Box 30" hidden="1">
              <a:extLst>
                <a:ext uri="{63B3BB69-23CF-44E3-9099-C40C66FF867C}">
                  <a14:compatExt spid="_x0000_s2078"/>
                </a:ext>
                <a:ext uri="{FF2B5EF4-FFF2-40B4-BE49-F238E27FC236}">
                  <a16:creationId xmlns:a16="http://schemas.microsoft.com/office/drawing/2014/main" id="{00000000-0008-0000-0100-00001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0</xdr:col>
          <xdr:colOff>50800</xdr:colOff>
          <xdr:row>27</xdr:row>
          <xdr:rowOff>76200</xdr:rowOff>
        </xdr:from>
        <xdr:to>
          <xdr:col>74</xdr:col>
          <xdr:colOff>76200</xdr:colOff>
          <xdr:row>30</xdr:row>
          <xdr:rowOff>0</xdr:rowOff>
        </xdr:to>
        <xdr:sp macro="" textlink="">
          <xdr:nvSpPr>
            <xdr:cNvPr id="2079" name="Check Box 31" hidden="1">
              <a:extLst>
                <a:ext uri="{63B3BB69-23CF-44E3-9099-C40C66FF867C}">
                  <a14:compatExt spid="_x0000_s2079"/>
                </a:ext>
                <a:ext uri="{FF2B5EF4-FFF2-40B4-BE49-F238E27FC236}">
                  <a16:creationId xmlns:a16="http://schemas.microsoft.com/office/drawing/2014/main" id="{00000000-0008-0000-0100-00001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2</xdr:col>
          <xdr:colOff>88900</xdr:colOff>
          <xdr:row>30</xdr:row>
          <xdr:rowOff>12700</xdr:rowOff>
        </xdr:from>
        <xdr:to>
          <xdr:col>62</xdr:col>
          <xdr:colOff>0</xdr:colOff>
          <xdr:row>32</xdr:row>
          <xdr:rowOff>95250</xdr:rowOff>
        </xdr:to>
        <xdr:sp macro="" textlink="">
          <xdr:nvSpPr>
            <xdr:cNvPr id="2080" name="Check Box 32" hidden="1">
              <a:extLst>
                <a:ext uri="{63B3BB69-23CF-44E3-9099-C40C66FF867C}">
                  <a14:compatExt spid="_x0000_s2080"/>
                </a:ext>
                <a:ext uri="{FF2B5EF4-FFF2-40B4-BE49-F238E27FC236}">
                  <a16:creationId xmlns:a16="http://schemas.microsoft.com/office/drawing/2014/main" id="{00000000-0008-0000-0100-00002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1</xdr:col>
          <xdr:colOff>88900</xdr:colOff>
          <xdr:row>30</xdr:row>
          <xdr:rowOff>25400</xdr:rowOff>
        </xdr:from>
        <xdr:to>
          <xdr:col>76</xdr:col>
          <xdr:colOff>6350</xdr:colOff>
          <xdr:row>32</xdr:row>
          <xdr:rowOff>101600</xdr:rowOff>
        </xdr:to>
        <xdr:sp macro="" textlink="">
          <xdr:nvSpPr>
            <xdr:cNvPr id="2081" name="Check Box 33" hidden="1">
              <a:extLst>
                <a:ext uri="{63B3BB69-23CF-44E3-9099-C40C66FF867C}">
                  <a14:compatExt spid="_x0000_s2081"/>
                </a:ext>
                <a:ext uri="{FF2B5EF4-FFF2-40B4-BE49-F238E27FC236}">
                  <a16:creationId xmlns:a16="http://schemas.microsoft.com/office/drawing/2014/main" id="{00000000-0008-0000-0100-00002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9</xdr:col>
          <xdr:colOff>107950</xdr:colOff>
          <xdr:row>30</xdr:row>
          <xdr:rowOff>25400</xdr:rowOff>
        </xdr:from>
        <xdr:to>
          <xdr:col>84</xdr:col>
          <xdr:colOff>82550</xdr:colOff>
          <xdr:row>32</xdr:row>
          <xdr:rowOff>69850</xdr:rowOff>
        </xdr:to>
        <xdr:sp macro="" textlink="">
          <xdr:nvSpPr>
            <xdr:cNvPr id="2082" name="Check Box 34" hidden="1">
              <a:extLst>
                <a:ext uri="{63B3BB69-23CF-44E3-9099-C40C66FF867C}">
                  <a14:compatExt spid="_x0000_s2082"/>
                </a:ext>
                <a:ext uri="{FF2B5EF4-FFF2-40B4-BE49-F238E27FC236}">
                  <a16:creationId xmlns:a16="http://schemas.microsoft.com/office/drawing/2014/main" id="{00000000-0008-0000-0100-00002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44</xdr:row>
          <xdr:rowOff>44450</xdr:rowOff>
        </xdr:from>
        <xdr:to>
          <xdr:col>34</xdr:col>
          <xdr:colOff>57150</xdr:colOff>
          <xdr:row>45</xdr:row>
          <xdr:rowOff>69850</xdr:rowOff>
        </xdr:to>
        <xdr:sp macro="" textlink="">
          <xdr:nvSpPr>
            <xdr:cNvPr id="2083" name="Check Box 35" hidden="1">
              <a:extLst>
                <a:ext uri="{63B3BB69-23CF-44E3-9099-C40C66FF867C}">
                  <a14:compatExt spid="_x0000_s2083"/>
                </a:ext>
                <a:ext uri="{FF2B5EF4-FFF2-40B4-BE49-F238E27FC236}">
                  <a16:creationId xmlns:a16="http://schemas.microsoft.com/office/drawing/2014/main" id="{00000000-0008-0000-0100-00002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44450</xdr:colOff>
          <xdr:row>44</xdr:row>
          <xdr:rowOff>44450</xdr:rowOff>
        </xdr:from>
        <xdr:to>
          <xdr:col>38</xdr:col>
          <xdr:colOff>57150</xdr:colOff>
          <xdr:row>45</xdr:row>
          <xdr:rowOff>69850</xdr:rowOff>
        </xdr:to>
        <xdr:sp macro="" textlink="">
          <xdr:nvSpPr>
            <xdr:cNvPr id="2084" name="Check Box 36" hidden="1">
              <a:extLst>
                <a:ext uri="{63B3BB69-23CF-44E3-9099-C40C66FF867C}">
                  <a14:compatExt spid="_x0000_s2084"/>
                </a:ext>
                <a:ext uri="{FF2B5EF4-FFF2-40B4-BE49-F238E27FC236}">
                  <a16:creationId xmlns:a16="http://schemas.microsoft.com/office/drawing/2014/main" id="{00000000-0008-0000-0100-00002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44450</xdr:colOff>
          <xdr:row>44</xdr:row>
          <xdr:rowOff>44450</xdr:rowOff>
        </xdr:from>
        <xdr:to>
          <xdr:col>42</xdr:col>
          <xdr:colOff>57150</xdr:colOff>
          <xdr:row>45</xdr:row>
          <xdr:rowOff>69850</xdr:rowOff>
        </xdr:to>
        <xdr:sp macro="" textlink="">
          <xdr:nvSpPr>
            <xdr:cNvPr id="2085" name="Check Box 37" hidden="1">
              <a:extLst>
                <a:ext uri="{63B3BB69-23CF-44E3-9099-C40C66FF867C}">
                  <a14:compatExt spid="_x0000_s2085"/>
                </a:ext>
                <a:ext uri="{FF2B5EF4-FFF2-40B4-BE49-F238E27FC236}">
                  <a16:creationId xmlns:a16="http://schemas.microsoft.com/office/drawing/2014/main" id="{00000000-0008-0000-0100-00002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44450</xdr:colOff>
          <xdr:row>44</xdr:row>
          <xdr:rowOff>44450</xdr:rowOff>
        </xdr:from>
        <xdr:to>
          <xdr:col>46</xdr:col>
          <xdr:colOff>57150</xdr:colOff>
          <xdr:row>45</xdr:row>
          <xdr:rowOff>69850</xdr:rowOff>
        </xdr:to>
        <xdr:sp macro="" textlink="">
          <xdr:nvSpPr>
            <xdr:cNvPr id="2086" name="Check Box 38" hidden="1">
              <a:extLst>
                <a:ext uri="{63B3BB69-23CF-44E3-9099-C40C66FF867C}">
                  <a14:compatExt spid="_x0000_s2086"/>
                </a:ext>
                <a:ext uri="{FF2B5EF4-FFF2-40B4-BE49-F238E27FC236}">
                  <a16:creationId xmlns:a16="http://schemas.microsoft.com/office/drawing/2014/main" id="{00000000-0008-0000-0100-00002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46</xdr:row>
          <xdr:rowOff>44450</xdr:rowOff>
        </xdr:from>
        <xdr:to>
          <xdr:col>36</xdr:col>
          <xdr:colOff>69850</xdr:colOff>
          <xdr:row>48</xdr:row>
          <xdr:rowOff>63500</xdr:rowOff>
        </xdr:to>
        <xdr:sp macro="" textlink="">
          <xdr:nvSpPr>
            <xdr:cNvPr id="2087" name="Check Box 39" hidden="1">
              <a:extLst>
                <a:ext uri="{63B3BB69-23CF-44E3-9099-C40C66FF867C}">
                  <a14:compatExt spid="_x0000_s2087"/>
                </a:ext>
                <a:ext uri="{FF2B5EF4-FFF2-40B4-BE49-F238E27FC236}">
                  <a16:creationId xmlns:a16="http://schemas.microsoft.com/office/drawing/2014/main" id="{00000000-0008-0000-0100-00002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49</xdr:row>
          <xdr:rowOff>44450</xdr:rowOff>
        </xdr:from>
        <xdr:to>
          <xdr:col>34</xdr:col>
          <xdr:colOff>57150</xdr:colOff>
          <xdr:row>50</xdr:row>
          <xdr:rowOff>63500</xdr:rowOff>
        </xdr:to>
        <xdr:sp macro="" textlink="">
          <xdr:nvSpPr>
            <xdr:cNvPr id="2088" name="Check Box 40" hidden="1">
              <a:extLst>
                <a:ext uri="{63B3BB69-23CF-44E3-9099-C40C66FF867C}">
                  <a14:compatExt spid="_x0000_s2088"/>
                </a:ext>
                <a:ext uri="{FF2B5EF4-FFF2-40B4-BE49-F238E27FC236}">
                  <a16:creationId xmlns:a16="http://schemas.microsoft.com/office/drawing/2014/main" id="{00000000-0008-0000-0100-00002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44450</xdr:colOff>
          <xdr:row>49</xdr:row>
          <xdr:rowOff>44450</xdr:rowOff>
        </xdr:from>
        <xdr:to>
          <xdr:col>38</xdr:col>
          <xdr:colOff>57150</xdr:colOff>
          <xdr:row>50</xdr:row>
          <xdr:rowOff>63500</xdr:rowOff>
        </xdr:to>
        <xdr:sp macro="" textlink="">
          <xdr:nvSpPr>
            <xdr:cNvPr id="2089" name="Check Box 41" hidden="1">
              <a:extLst>
                <a:ext uri="{63B3BB69-23CF-44E3-9099-C40C66FF867C}">
                  <a14:compatExt spid="_x0000_s2089"/>
                </a:ext>
                <a:ext uri="{FF2B5EF4-FFF2-40B4-BE49-F238E27FC236}">
                  <a16:creationId xmlns:a16="http://schemas.microsoft.com/office/drawing/2014/main" id="{00000000-0008-0000-0100-00002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44450</xdr:colOff>
          <xdr:row>49</xdr:row>
          <xdr:rowOff>44450</xdr:rowOff>
        </xdr:from>
        <xdr:to>
          <xdr:col>42</xdr:col>
          <xdr:colOff>57150</xdr:colOff>
          <xdr:row>50</xdr:row>
          <xdr:rowOff>63500</xdr:rowOff>
        </xdr:to>
        <xdr:sp macro="" textlink="">
          <xdr:nvSpPr>
            <xdr:cNvPr id="2090" name="Check Box 42" hidden="1">
              <a:extLst>
                <a:ext uri="{63B3BB69-23CF-44E3-9099-C40C66FF867C}">
                  <a14:compatExt spid="_x0000_s2090"/>
                </a:ext>
                <a:ext uri="{FF2B5EF4-FFF2-40B4-BE49-F238E27FC236}">
                  <a16:creationId xmlns:a16="http://schemas.microsoft.com/office/drawing/2014/main" id="{00000000-0008-0000-0100-00002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44450</xdr:colOff>
          <xdr:row>49</xdr:row>
          <xdr:rowOff>44450</xdr:rowOff>
        </xdr:from>
        <xdr:to>
          <xdr:col>46</xdr:col>
          <xdr:colOff>57150</xdr:colOff>
          <xdr:row>50</xdr:row>
          <xdr:rowOff>63500</xdr:rowOff>
        </xdr:to>
        <xdr:sp macro="" textlink="">
          <xdr:nvSpPr>
            <xdr:cNvPr id="2091" name="Check Box 43" hidden="1">
              <a:extLst>
                <a:ext uri="{63B3BB69-23CF-44E3-9099-C40C66FF867C}">
                  <a14:compatExt spid="_x0000_s2091"/>
                </a:ext>
                <a:ext uri="{FF2B5EF4-FFF2-40B4-BE49-F238E27FC236}">
                  <a16:creationId xmlns:a16="http://schemas.microsoft.com/office/drawing/2014/main" id="{00000000-0008-0000-0100-00002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51</xdr:row>
          <xdr:rowOff>44450</xdr:rowOff>
        </xdr:from>
        <xdr:to>
          <xdr:col>36</xdr:col>
          <xdr:colOff>69850</xdr:colOff>
          <xdr:row>53</xdr:row>
          <xdr:rowOff>63500</xdr:rowOff>
        </xdr:to>
        <xdr:sp macro="" textlink="">
          <xdr:nvSpPr>
            <xdr:cNvPr id="2092" name="Check Box 44" hidden="1">
              <a:extLst>
                <a:ext uri="{63B3BB69-23CF-44E3-9099-C40C66FF867C}">
                  <a14:compatExt spid="_x0000_s2092"/>
                </a:ext>
                <a:ext uri="{FF2B5EF4-FFF2-40B4-BE49-F238E27FC236}">
                  <a16:creationId xmlns:a16="http://schemas.microsoft.com/office/drawing/2014/main" id="{00000000-0008-0000-0100-00002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54</xdr:row>
          <xdr:rowOff>44450</xdr:rowOff>
        </xdr:from>
        <xdr:to>
          <xdr:col>34</xdr:col>
          <xdr:colOff>57150</xdr:colOff>
          <xdr:row>55</xdr:row>
          <xdr:rowOff>57150</xdr:rowOff>
        </xdr:to>
        <xdr:sp macro="" textlink="">
          <xdr:nvSpPr>
            <xdr:cNvPr id="2093" name="Check Box 45" hidden="1">
              <a:extLst>
                <a:ext uri="{63B3BB69-23CF-44E3-9099-C40C66FF867C}">
                  <a14:compatExt spid="_x0000_s2093"/>
                </a:ext>
                <a:ext uri="{FF2B5EF4-FFF2-40B4-BE49-F238E27FC236}">
                  <a16:creationId xmlns:a16="http://schemas.microsoft.com/office/drawing/2014/main" id="{00000000-0008-0000-0100-00002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44450</xdr:colOff>
          <xdr:row>54</xdr:row>
          <xdr:rowOff>44450</xdr:rowOff>
        </xdr:from>
        <xdr:to>
          <xdr:col>38</xdr:col>
          <xdr:colOff>57150</xdr:colOff>
          <xdr:row>55</xdr:row>
          <xdr:rowOff>57150</xdr:rowOff>
        </xdr:to>
        <xdr:sp macro="" textlink="">
          <xdr:nvSpPr>
            <xdr:cNvPr id="2094" name="Check Box 46" hidden="1">
              <a:extLst>
                <a:ext uri="{63B3BB69-23CF-44E3-9099-C40C66FF867C}">
                  <a14:compatExt spid="_x0000_s2094"/>
                </a:ext>
                <a:ext uri="{FF2B5EF4-FFF2-40B4-BE49-F238E27FC236}">
                  <a16:creationId xmlns:a16="http://schemas.microsoft.com/office/drawing/2014/main" id="{00000000-0008-0000-0100-00002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44450</xdr:colOff>
          <xdr:row>54</xdr:row>
          <xdr:rowOff>44450</xdr:rowOff>
        </xdr:from>
        <xdr:to>
          <xdr:col>42</xdr:col>
          <xdr:colOff>57150</xdr:colOff>
          <xdr:row>55</xdr:row>
          <xdr:rowOff>57150</xdr:rowOff>
        </xdr:to>
        <xdr:sp macro="" textlink="">
          <xdr:nvSpPr>
            <xdr:cNvPr id="2095" name="Check Box 47" hidden="1">
              <a:extLst>
                <a:ext uri="{63B3BB69-23CF-44E3-9099-C40C66FF867C}">
                  <a14:compatExt spid="_x0000_s2095"/>
                </a:ext>
                <a:ext uri="{FF2B5EF4-FFF2-40B4-BE49-F238E27FC236}">
                  <a16:creationId xmlns:a16="http://schemas.microsoft.com/office/drawing/2014/main" id="{00000000-0008-0000-0100-00002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44450</xdr:colOff>
          <xdr:row>54</xdr:row>
          <xdr:rowOff>44450</xdr:rowOff>
        </xdr:from>
        <xdr:to>
          <xdr:col>46</xdr:col>
          <xdr:colOff>57150</xdr:colOff>
          <xdr:row>55</xdr:row>
          <xdr:rowOff>57150</xdr:rowOff>
        </xdr:to>
        <xdr:sp macro="" textlink="">
          <xdr:nvSpPr>
            <xdr:cNvPr id="2096" name="Check Box 48" hidden="1">
              <a:extLst>
                <a:ext uri="{63B3BB69-23CF-44E3-9099-C40C66FF867C}">
                  <a14:compatExt spid="_x0000_s2096"/>
                </a:ext>
                <a:ext uri="{FF2B5EF4-FFF2-40B4-BE49-F238E27FC236}">
                  <a16:creationId xmlns:a16="http://schemas.microsoft.com/office/drawing/2014/main" id="{00000000-0008-0000-0100-00003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56</xdr:row>
          <xdr:rowOff>44450</xdr:rowOff>
        </xdr:from>
        <xdr:to>
          <xdr:col>36</xdr:col>
          <xdr:colOff>69850</xdr:colOff>
          <xdr:row>58</xdr:row>
          <xdr:rowOff>69850</xdr:rowOff>
        </xdr:to>
        <xdr:sp macro="" textlink="">
          <xdr:nvSpPr>
            <xdr:cNvPr id="2097" name="Check Box 49" hidden="1">
              <a:extLst>
                <a:ext uri="{63B3BB69-23CF-44E3-9099-C40C66FF867C}">
                  <a14:compatExt spid="_x0000_s2097"/>
                </a:ext>
                <a:ext uri="{FF2B5EF4-FFF2-40B4-BE49-F238E27FC236}">
                  <a16:creationId xmlns:a16="http://schemas.microsoft.com/office/drawing/2014/main" id="{00000000-0008-0000-0100-00003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59</xdr:row>
          <xdr:rowOff>44450</xdr:rowOff>
        </xdr:from>
        <xdr:to>
          <xdr:col>34</xdr:col>
          <xdr:colOff>57150</xdr:colOff>
          <xdr:row>60</xdr:row>
          <xdr:rowOff>88900</xdr:rowOff>
        </xdr:to>
        <xdr:sp macro="" textlink="">
          <xdr:nvSpPr>
            <xdr:cNvPr id="2098" name="Check Box 50" hidden="1">
              <a:extLst>
                <a:ext uri="{63B3BB69-23CF-44E3-9099-C40C66FF867C}">
                  <a14:compatExt spid="_x0000_s2098"/>
                </a:ext>
                <a:ext uri="{FF2B5EF4-FFF2-40B4-BE49-F238E27FC236}">
                  <a16:creationId xmlns:a16="http://schemas.microsoft.com/office/drawing/2014/main" id="{00000000-0008-0000-0100-00003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44450</xdr:colOff>
          <xdr:row>59</xdr:row>
          <xdr:rowOff>44450</xdr:rowOff>
        </xdr:from>
        <xdr:to>
          <xdr:col>38</xdr:col>
          <xdr:colOff>57150</xdr:colOff>
          <xdr:row>60</xdr:row>
          <xdr:rowOff>88900</xdr:rowOff>
        </xdr:to>
        <xdr:sp macro="" textlink="">
          <xdr:nvSpPr>
            <xdr:cNvPr id="2099" name="Check Box 51" hidden="1">
              <a:extLst>
                <a:ext uri="{63B3BB69-23CF-44E3-9099-C40C66FF867C}">
                  <a14:compatExt spid="_x0000_s2099"/>
                </a:ext>
                <a:ext uri="{FF2B5EF4-FFF2-40B4-BE49-F238E27FC236}">
                  <a16:creationId xmlns:a16="http://schemas.microsoft.com/office/drawing/2014/main" id="{00000000-0008-0000-0100-00003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44450</xdr:colOff>
          <xdr:row>59</xdr:row>
          <xdr:rowOff>44450</xdr:rowOff>
        </xdr:from>
        <xdr:to>
          <xdr:col>42</xdr:col>
          <xdr:colOff>57150</xdr:colOff>
          <xdr:row>60</xdr:row>
          <xdr:rowOff>88900</xdr:rowOff>
        </xdr:to>
        <xdr:sp macro="" textlink="">
          <xdr:nvSpPr>
            <xdr:cNvPr id="2100" name="Check Box 52" hidden="1">
              <a:extLst>
                <a:ext uri="{63B3BB69-23CF-44E3-9099-C40C66FF867C}">
                  <a14:compatExt spid="_x0000_s2100"/>
                </a:ext>
                <a:ext uri="{FF2B5EF4-FFF2-40B4-BE49-F238E27FC236}">
                  <a16:creationId xmlns:a16="http://schemas.microsoft.com/office/drawing/2014/main" id="{00000000-0008-0000-0100-00003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44450</xdr:colOff>
          <xdr:row>59</xdr:row>
          <xdr:rowOff>44450</xdr:rowOff>
        </xdr:from>
        <xdr:to>
          <xdr:col>46</xdr:col>
          <xdr:colOff>57150</xdr:colOff>
          <xdr:row>60</xdr:row>
          <xdr:rowOff>88900</xdr:rowOff>
        </xdr:to>
        <xdr:sp macro="" textlink="">
          <xdr:nvSpPr>
            <xdr:cNvPr id="2101" name="Check Box 53" hidden="1">
              <a:extLst>
                <a:ext uri="{63B3BB69-23CF-44E3-9099-C40C66FF867C}">
                  <a14:compatExt spid="_x0000_s2101"/>
                </a:ext>
                <a:ext uri="{FF2B5EF4-FFF2-40B4-BE49-F238E27FC236}">
                  <a16:creationId xmlns:a16="http://schemas.microsoft.com/office/drawing/2014/main" id="{00000000-0008-0000-0100-00003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61</xdr:row>
          <xdr:rowOff>44450</xdr:rowOff>
        </xdr:from>
        <xdr:to>
          <xdr:col>36</xdr:col>
          <xdr:colOff>69850</xdr:colOff>
          <xdr:row>63</xdr:row>
          <xdr:rowOff>63500</xdr:rowOff>
        </xdr:to>
        <xdr:sp macro="" textlink="">
          <xdr:nvSpPr>
            <xdr:cNvPr id="2102" name="Check Box 54" hidden="1">
              <a:extLst>
                <a:ext uri="{63B3BB69-23CF-44E3-9099-C40C66FF867C}">
                  <a14:compatExt spid="_x0000_s2102"/>
                </a:ext>
                <a:ext uri="{FF2B5EF4-FFF2-40B4-BE49-F238E27FC236}">
                  <a16:creationId xmlns:a16="http://schemas.microsoft.com/office/drawing/2014/main" id="{00000000-0008-0000-0100-00003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64</xdr:row>
          <xdr:rowOff>44450</xdr:rowOff>
        </xdr:from>
        <xdr:to>
          <xdr:col>34</xdr:col>
          <xdr:colOff>57150</xdr:colOff>
          <xdr:row>66</xdr:row>
          <xdr:rowOff>0</xdr:rowOff>
        </xdr:to>
        <xdr:sp macro="" textlink="">
          <xdr:nvSpPr>
            <xdr:cNvPr id="2103" name="Check Box 55" hidden="1">
              <a:extLst>
                <a:ext uri="{63B3BB69-23CF-44E3-9099-C40C66FF867C}">
                  <a14:compatExt spid="_x0000_s2103"/>
                </a:ext>
                <a:ext uri="{FF2B5EF4-FFF2-40B4-BE49-F238E27FC236}">
                  <a16:creationId xmlns:a16="http://schemas.microsoft.com/office/drawing/2014/main" id="{00000000-0008-0000-0100-00003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44450</xdr:colOff>
          <xdr:row>64</xdr:row>
          <xdr:rowOff>44450</xdr:rowOff>
        </xdr:from>
        <xdr:to>
          <xdr:col>38</xdr:col>
          <xdr:colOff>57150</xdr:colOff>
          <xdr:row>65</xdr:row>
          <xdr:rowOff>101600</xdr:rowOff>
        </xdr:to>
        <xdr:sp macro="" textlink="">
          <xdr:nvSpPr>
            <xdr:cNvPr id="2104" name="Check Box 56" hidden="1">
              <a:extLst>
                <a:ext uri="{63B3BB69-23CF-44E3-9099-C40C66FF867C}">
                  <a14:compatExt spid="_x0000_s2104"/>
                </a:ext>
                <a:ext uri="{FF2B5EF4-FFF2-40B4-BE49-F238E27FC236}">
                  <a16:creationId xmlns:a16="http://schemas.microsoft.com/office/drawing/2014/main" id="{00000000-0008-0000-0100-00003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44450</xdr:colOff>
          <xdr:row>64</xdr:row>
          <xdr:rowOff>44450</xdr:rowOff>
        </xdr:from>
        <xdr:to>
          <xdr:col>42</xdr:col>
          <xdr:colOff>57150</xdr:colOff>
          <xdr:row>65</xdr:row>
          <xdr:rowOff>101600</xdr:rowOff>
        </xdr:to>
        <xdr:sp macro="" textlink="">
          <xdr:nvSpPr>
            <xdr:cNvPr id="2105" name="Check Box 57" hidden="1">
              <a:extLst>
                <a:ext uri="{63B3BB69-23CF-44E3-9099-C40C66FF867C}">
                  <a14:compatExt spid="_x0000_s2105"/>
                </a:ext>
                <a:ext uri="{FF2B5EF4-FFF2-40B4-BE49-F238E27FC236}">
                  <a16:creationId xmlns:a16="http://schemas.microsoft.com/office/drawing/2014/main" id="{00000000-0008-0000-0100-00003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44450</xdr:colOff>
          <xdr:row>64</xdr:row>
          <xdr:rowOff>44450</xdr:rowOff>
        </xdr:from>
        <xdr:to>
          <xdr:col>46</xdr:col>
          <xdr:colOff>57150</xdr:colOff>
          <xdr:row>65</xdr:row>
          <xdr:rowOff>101600</xdr:rowOff>
        </xdr:to>
        <xdr:sp macro="" textlink="">
          <xdr:nvSpPr>
            <xdr:cNvPr id="2106" name="Check Box 58" hidden="1">
              <a:extLst>
                <a:ext uri="{63B3BB69-23CF-44E3-9099-C40C66FF867C}">
                  <a14:compatExt spid="_x0000_s2106"/>
                </a:ext>
                <a:ext uri="{FF2B5EF4-FFF2-40B4-BE49-F238E27FC236}">
                  <a16:creationId xmlns:a16="http://schemas.microsoft.com/office/drawing/2014/main" id="{00000000-0008-0000-0100-00003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66</xdr:row>
          <xdr:rowOff>44450</xdr:rowOff>
        </xdr:from>
        <xdr:to>
          <xdr:col>36</xdr:col>
          <xdr:colOff>69850</xdr:colOff>
          <xdr:row>68</xdr:row>
          <xdr:rowOff>63500</xdr:rowOff>
        </xdr:to>
        <xdr:sp macro="" textlink="">
          <xdr:nvSpPr>
            <xdr:cNvPr id="2107" name="Check Box 59" hidden="1">
              <a:extLst>
                <a:ext uri="{63B3BB69-23CF-44E3-9099-C40C66FF867C}">
                  <a14:compatExt spid="_x0000_s2107"/>
                </a:ext>
                <a:ext uri="{FF2B5EF4-FFF2-40B4-BE49-F238E27FC236}">
                  <a16:creationId xmlns:a16="http://schemas.microsoft.com/office/drawing/2014/main" id="{00000000-0008-0000-0100-00003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69</xdr:row>
          <xdr:rowOff>44450</xdr:rowOff>
        </xdr:from>
        <xdr:to>
          <xdr:col>34</xdr:col>
          <xdr:colOff>57150</xdr:colOff>
          <xdr:row>71</xdr:row>
          <xdr:rowOff>25400</xdr:rowOff>
        </xdr:to>
        <xdr:sp macro="" textlink="">
          <xdr:nvSpPr>
            <xdr:cNvPr id="2108" name="Check Box 60" hidden="1">
              <a:extLst>
                <a:ext uri="{63B3BB69-23CF-44E3-9099-C40C66FF867C}">
                  <a14:compatExt spid="_x0000_s2108"/>
                </a:ext>
                <a:ext uri="{FF2B5EF4-FFF2-40B4-BE49-F238E27FC236}">
                  <a16:creationId xmlns:a16="http://schemas.microsoft.com/office/drawing/2014/main" id="{00000000-0008-0000-0100-00003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44450</xdr:colOff>
          <xdr:row>69</xdr:row>
          <xdr:rowOff>44450</xdr:rowOff>
        </xdr:from>
        <xdr:to>
          <xdr:col>38</xdr:col>
          <xdr:colOff>57150</xdr:colOff>
          <xdr:row>71</xdr:row>
          <xdr:rowOff>25400</xdr:rowOff>
        </xdr:to>
        <xdr:sp macro="" textlink="">
          <xdr:nvSpPr>
            <xdr:cNvPr id="2109" name="Check Box 61" hidden="1">
              <a:extLst>
                <a:ext uri="{63B3BB69-23CF-44E3-9099-C40C66FF867C}">
                  <a14:compatExt spid="_x0000_s2109"/>
                </a:ext>
                <a:ext uri="{FF2B5EF4-FFF2-40B4-BE49-F238E27FC236}">
                  <a16:creationId xmlns:a16="http://schemas.microsoft.com/office/drawing/2014/main" id="{00000000-0008-0000-0100-00003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44450</xdr:colOff>
          <xdr:row>69</xdr:row>
          <xdr:rowOff>44450</xdr:rowOff>
        </xdr:from>
        <xdr:to>
          <xdr:col>42</xdr:col>
          <xdr:colOff>57150</xdr:colOff>
          <xdr:row>71</xdr:row>
          <xdr:rowOff>25400</xdr:rowOff>
        </xdr:to>
        <xdr:sp macro="" textlink="">
          <xdr:nvSpPr>
            <xdr:cNvPr id="2110" name="Check Box 62" hidden="1">
              <a:extLst>
                <a:ext uri="{63B3BB69-23CF-44E3-9099-C40C66FF867C}">
                  <a14:compatExt spid="_x0000_s2110"/>
                </a:ext>
                <a:ext uri="{FF2B5EF4-FFF2-40B4-BE49-F238E27FC236}">
                  <a16:creationId xmlns:a16="http://schemas.microsoft.com/office/drawing/2014/main" id="{00000000-0008-0000-0100-00003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44450</xdr:colOff>
          <xdr:row>69</xdr:row>
          <xdr:rowOff>44450</xdr:rowOff>
        </xdr:from>
        <xdr:to>
          <xdr:col>46</xdr:col>
          <xdr:colOff>57150</xdr:colOff>
          <xdr:row>71</xdr:row>
          <xdr:rowOff>25400</xdr:rowOff>
        </xdr:to>
        <xdr:sp macro="" textlink="">
          <xdr:nvSpPr>
            <xdr:cNvPr id="2111" name="Check Box 63" hidden="1">
              <a:extLst>
                <a:ext uri="{63B3BB69-23CF-44E3-9099-C40C66FF867C}">
                  <a14:compatExt spid="_x0000_s2111"/>
                </a:ext>
                <a:ext uri="{FF2B5EF4-FFF2-40B4-BE49-F238E27FC236}">
                  <a16:creationId xmlns:a16="http://schemas.microsoft.com/office/drawing/2014/main" id="{00000000-0008-0000-0100-00003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71</xdr:row>
          <xdr:rowOff>44450</xdr:rowOff>
        </xdr:from>
        <xdr:to>
          <xdr:col>36</xdr:col>
          <xdr:colOff>69850</xdr:colOff>
          <xdr:row>73</xdr:row>
          <xdr:rowOff>63500</xdr:rowOff>
        </xdr:to>
        <xdr:sp macro="" textlink="">
          <xdr:nvSpPr>
            <xdr:cNvPr id="2112" name="Check Box 64" hidden="1">
              <a:extLst>
                <a:ext uri="{63B3BB69-23CF-44E3-9099-C40C66FF867C}">
                  <a14:compatExt spid="_x0000_s2112"/>
                </a:ext>
                <a:ext uri="{FF2B5EF4-FFF2-40B4-BE49-F238E27FC236}">
                  <a16:creationId xmlns:a16="http://schemas.microsoft.com/office/drawing/2014/main" id="{00000000-0008-0000-0100-00004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74</xdr:row>
          <xdr:rowOff>44450</xdr:rowOff>
        </xdr:from>
        <xdr:to>
          <xdr:col>34</xdr:col>
          <xdr:colOff>57150</xdr:colOff>
          <xdr:row>76</xdr:row>
          <xdr:rowOff>25400</xdr:rowOff>
        </xdr:to>
        <xdr:sp macro="" textlink="">
          <xdr:nvSpPr>
            <xdr:cNvPr id="2113" name="Check Box 65" hidden="1">
              <a:extLst>
                <a:ext uri="{63B3BB69-23CF-44E3-9099-C40C66FF867C}">
                  <a14:compatExt spid="_x0000_s2113"/>
                </a:ext>
                <a:ext uri="{FF2B5EF4-FFF2-40B4-BE49-F238E27FC236}">
                  <a16:creationId xmlns:a16="http://schemas.microsoft.com/office/drawing/2014/main" id="{00000000-0008-0000-0100-00004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44450</xdr:colOff>
          <xdr:row>74</xdr:row>
          <xdr:rowOff>44450</xdr:rowOff>
        </xdr:from>
        <xdr:to>
          <xdr:col>38</xdr:col>
          <xdr:colOff>57150</xdr:colOff>
          <xdr:row>76</xdr:row>
          <xdr:rowOff>25400</xdr:rowOff>
        </xdr:to>
        <xdr:sp macro="" textlink="">
          <xdr:nvSpPr>
            <xdr:cNvPr id="2114" name="Check Box 66" hidden="1">
              <a:extLst>
                <a:ext uri="{63B3BB69-23CF-44E3-9099-C40C66FF867C}">
                  <a14:compatExt spid="_x0000_s2114"/>
                </a:ext>
                <a:ext uri="{FF2B5EF4-FFF2-40B4-BE49-F238E27FC236}">
                  <a16:creationId xmlns:a16="http://schemas.microsoft.com/office/drawing/2014/main" id="{00000000-0008-0000-0100-00004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44450</xdr:colOff>
          <xdr:row>74</xdr:row>
          <xdr:rowOff>44450</xdr:rowOff>
        </xdr:from>
        <xdr:to>
          <xdr:col>42</xdr:col>
          <xdr:colOff>57150</xdr:colOff>
          <xdr:row>76</xdr:row>
          <xdr:rowOff>25400</xdr:rowOff>
        </xdr:to>
        <xdr:sp macro="" textlink="">
          <xdr:nvSpPr>
            <xdr:cNvPr id="2115" name="Check Box 67" hidden="1">
              <a:extLst>
                <a:ext uri="{63B3BB69-23CF-44E3-9099-C40C66FF867C}">
                  <a14:compatExt spid="_x0000_s2115"/>
                </a:ext>
                <a:ext uri="{FF2B5EF4-FFF2-40B4-BE49-F238E27FC236}">
                  <a16:creationId xmlns:a16="http://schemas.microsoft.com/office/drawing/2014/main" id="{00000000-0008-0000-0100-00004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44450</xdr:colOff>
          <xdr:row>74</xdr:row>
          <xdr:rowOff>44450</xdr:rowOff>
        </xdr:from>
        <xdr:to>
          <xdr:col>46</xdr:col>
          <xdr:colOff>57150</xdr:colOff>
          <xdr:row>76</xdr:row>
          <xdr:rowOff>25400</xdr:rowOff>
        </xdr:to>
        <xdr:sp macro="" textlink="">
          <xdr:nvSpPr>
            <xdr:cNvPr id="2116" name="Check Box 68" hidden="1">
              <a:extLst>
                <a:ext uri="{63B3BB69-23CF-44E3-9099-C40C66FF867C}">
                  <a14:compatExt spid="_x0000_s2116"/>
                </a:ext>
                <a:ext uri="{FF2B5EF4-FFF2-40B4-BE49-F238E27FC236}">
                  <a16:creationId xmlns:a16="http://schemas.microsoft.com/office/drawing/2014/main" id="{00000000-0008-0000-0100-00004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76</xdr:row>
          <xdr:rowOff>44450</xdr:rowOff>
        </xdr:from>
        <xdr:to>
          <xdr:col>36</xdr:col>
          <xdr:colOff>69850</xdr:colOff>
          <xdr:row>78</xdr:row>
          <xdr:rowOff>63500</xdr:rowOff>
        </xdr:to>
        <xdr:sp macro="" textlink="">
          <xdr:nvSpPr>
            <xdr:cNvPr id="2117" name="Check Box 69" hidden="1">
              <a:extLst>
                <a:ext uri="{63B3BB69-23CF-44E3-9099-C40C66FF867C}">
                  <a14:compatExt spid="_x0000_s2117"/>
                </a:ext>
                <a:ext uri="{FF2B5EF4-FFF2-40B4-BE49-F238E27FC236}">
                  <a16:creationId xmlns:a16="http://schemas.microsoft.com/office/drawing/2014/main" id="{00000000-0008-0000-0100-00004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79</xdr:row>
          <xdr:rowOff>44450</xdr:rowOff>
        </xdr:from>
        <xdr:to>
          <xdr:col>34</xdr:col>
          <xdr:colOff>57150</xdr:colOff>
          <xdr:row>81</xdr:row>
          <xdr:rowOff>25400</xdr:rowOff>
        </xdr:to>
        <xdr:sp macro="" textlink="">
          <xdr:nvSpPr>
            <xdr:cNvPr id="2118" name="Check Box 70" hidden="1">
              <a:extLst>
                <a:ext uri="{63B3BB69-23CF-44E3-9099-C40C66FF867C}">
                  <a14:compatExt spid="_x0000_s2118"/>
                </a:ext>
                <a:ext uri="{FF2B5EF4-FFF2-40B4-BE49-F238E27FC236}">
                  <a16:creationId xmlns:a16="http://schemas.microsoft.com/office/drawing/2014/main" id="{00000000-0008-0000-0100-00004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44450</xdr:colOff>
          <xdr:row>79</xdr:row>
          <xdr:rowOff>44450</xdr:rowOff>
        </xdr:from>
        <xdr:to>
          <xdr:col>38</xdr:col>
          <xdr:colOff>57150</xdr:colOff>
          <xdr:row>81</xdr:row>
          <xdr:rowOff>25400</xdr:rowOff>
        </xdr:to>
        <xdr:sp macro="" textlink="">
          <xdr:nvSpPr>
            <xdr:cNvPr id="2119" name="Check Box 71" hidden="1">
              <a:extLst>
                <a:ext uri="{63B3BB69-23CF-44E3-9099-C40C66FF867C}">
                  <a14:compatExt spid="_x0000_s2119"/>
                </a:ext>
                <a:ext uri="{FF2B5EF4-FFF2-40B4-BE49-F238E27FC236}">
                  <a16:creationId xmlns:a16="http://schemas.microsoft.com/office/drawing/2014/main" id="{00000000-0008-0000-0100-00004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44450</xdr:colOff>
          <xdr:row>79</xdr:row>
          <xdr:rowOff>44450</xdr:rowOff>
        </xdr:from>
        <xdr:to>
          <xdr:col>42</xdr:col>
          <xdr:colOff>57150</xdr:colOff>
          <xdr:row>81</xdr:row>
          <xdr:rowOff>25400</xdr:rowOff>
        </xdr:to>
        <xdr:sp macro="" textlink="">
          <xdr:nvSpPr>
            <xdr:cNvPr id="2120" name="Check Box 72" hidden="1">
              <a:extLst>
                <a:ext uri="{63B3BB69-23CF-44E3-9099-C40C66FF867C}">
                  <a14:compatExt spid="_x0000_s2120"/>
                </a:ext>
                <a:ext uri="{FF2B5EF4-FFF2-40B4-BE49-F238E27FC236}">
                  <a16:creationId xmlns:a16="http://schemas.microsoft.com/office/drawing/2014/main" id="{00000000-0008-0000-0100-00004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44450</xdr:colOff>
          <xdr:row>79</xdr:row>
          <xdr:rowOff>44450</xdr:rowOff>
        </xdr:from>
        <xdr:to>
          <xdr:col>46</xdr:col>
          <xdr:colOff>57150</xdr:colOff>
          <xdr:row>81</xdr:row>
          <xdr:rowOff>25400</xdr:rowOff>
        </xdr:to>
        <xdr:sp macro="" textlink="">
          <xdr:nvSpPr>
            <xdr:cNvPr id="2121" name="Check Box 73" hidden="1">
              <a:extLst>
                <a:ext uri="{63B3BB69-23CF-44E3-9099-C40C66FF867C}">
                  <a14:compatExt spid="_x0000_s2121"/>
                </a:ext>
                <a:ext uri="{FF2B5EF4-FFF2-40B4-BE49-F238E27FC236}">
                  <a16:creationId xmlns:a16="http://schemas.microsoft.com/office/drawing/2014/main" id="{00000000-0008-0000-0100-00004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81</xdr:row>
          <xdr:rowOff>44450</xdr:rowOff>
        </xdr:from>
        <xdr:to>
          <xdr:col>36</xdr:col>
          <xdr:colOff>69850</xdr:colOff>
          <xdr:row>83</xdr:row>
          <xdr:rowOff>63500</xdr:rowOff>
        </xdr:to>
        <xdr:sp macro="" textlink="">
          <xdr:nvSpPr>
            <xdr:cNvPr id="2122" name="Check Box 74" hidden="1">
              <a:extLst>
                <a:ext uri="{63B3BB69-23CF-44E3-9099-C40C66FF867C}">
                  <a14:compatExt spid="_x0000_s2122"/>
                </a:ext>
                <a:ext uri="{FF2B5EF4-FFF2-40B4-BE49-F238E27FC236}">
                  <a16:creationId xmlns:a16="http://schemas.microsoft.com/office/drawing/2014/main" id="{00000000-0008-0000-0100-00004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84</xdr:row>
          <xdr:rowOff>44450</xdr:rowOff>
        </xdr:from>
        <xdr:to>
          <xdr:col>34</xdr:col>
          <xdr:colOff>57150</xdr:colOff>
          <xdr:row>86</xdr:row>
          <xdr:rowOff>25400</xdr:rowOff>
        </xdr:to>
        <xdr:sp macro="" textlink="">
          <xdr:nvSpPr>
            <xdr:cNvPr id="2123" name="Check Box 75" hidden="1">
              <a:extLst>
                <a:ext uri="{63B3BB69-23CF-44E3-9099-C40C66FF867C}">
                  <a14:compatExt spid="_x0000_s2123"/>
                </a:ext>
                <a:ext uri="{FF2B5EF4-FFF2-40B4-BE49-F238E27FC236}">
                  <a16:creationId xmlns:a16="http://schemas.microsoft.com/office/drawing/2014/main" id="{00000000-0008-0000-0100-00004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44450</xdr:colOff>
          <xdr:row>84</xdr:row>
          <xdr:rowOff>44450</xdr:rowOff>
        </xdr:from>
        <xdr:to>
          <xdr:col>38</xdr:col>
          <xdr:colOff>57150</xdr:colOff>
          <xdr:row>86</xdr:row>
          <xdr:rowOff>25400</xdr:rowOff>
        </xdr:to>
        <xdr:sp macro="" textlink="">
          <xdr:nvSpPr>
            <xdr:cNvPr id="2124" name="Check Box 76" hidden="1">
              <a:extLst>
                <a:ext uri="{63B3BB69-23CF-44E3-9099-C40C66FF867C}">
                  <a14:compatExt spid="_x0000_s2124"/>
                </a:ext>
                <a:ext uri="{FF2B5EF4-FFF2-40B4-BE49-F238E27FC236}">
                  <a16:creationId xmlns:a16="http://schemas.microsoft.com/office/drawing/2014/main" id="{00000000-0008-0000-0100-00004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44450</xdr:colOff>
          <xdr:row>84</xdr:row>
          <xdr:rowOff>44450</xdr:rowOff>
        </xdr:from>
        <xdr:to>
          <xdr:col>42</xdr:col>
          <xdr:colOff>57150</xdr:colOff>
          <xdr:row>86</xdr:row>
          <xdr:rowOff>25400</xdr:rowOff>
        </xdr:to>
        <xdr:sp macro="" textlink="">
          <xdr:nvSpPr>
            <xdr:cNvPr id="2125" name="Check Box 77" hidden="1">
              <a:extLst>
                <a:ext uri="{63B3BB69-23CF-44E3-9099-C40C66FF867C}">
                  <a14:compatExt spid="_x0000_s2125"/>
                </a:ext>
                <a:ext uri="{FF2B5EF4-FFF2-40B4-BE49-F238E27FC236}">
                  <a16:creationId xmlns:a16="http://schemas.microsoft.com/office/drawing/2014/main" id="{00000000-0008-0000-0100-00004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44450</xdr:colOff>
          <xdr:row>84</xdr:row>
          <xdr:rowOff>44450</xdr:rowOff>
        </xdr:from>
        <xdr:to>
          <xdr:col>46</xdr:col>
          <xdr:colOff>57150</xdr:colOff>
          <xdr:row>86</xdr:row>
          <xdr:rowOff>25400</xdr:rowOff>
        </xdr:to>
        <xdr:sp macro="" textlink="">
          <xdr:nvSpPr>
            <xdr:cNvPr id="2126" name="Check Box 78" hidden="1">
              <a:extLst>
                <a:ext uri="{63B3BB69-23CF-44E3-9099-C40C66FF867C}">
                  <a14:compatExt spid="_x0000_s2126"/>
                </a:ext>
                <a:ext uri="{FF2B5EF4-FFF2-40B4-BE49-F238E27FC236}">
                  <a16:creationId xmlns:a16="http://schemas.microsoft.com/office/drawing/2014/main" id="{00000000-0008-0000-0100-00004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44450</xdr:colOff>
          <xdr:row>86</xdr:row>
          <xdr:rowOff>44450</xdr:rowOff>
        </xdr:from>
        <xdr:to>
          <xdr:col>36</xdr:col>
          <xdr:colOff>69850</xdr:colOff>
          <xdr:row>88</xdr:row>
          <xdr:rowOff>63500</xdr:rowOff>
        </xdr:to>
        <xdr:sp macro="" textlink="">
          <xdr:nvSpPr>
            <xdr:cNvPr id="2127" name="Check Box 79" hidden="1">
              <a:extLst>
                <a:ext uri="{63B3BB69-23CF-44E3-9099-C40C66FF867C}">
                  <a14:compatExt spid="_x0000_s2127"/>
                </a:ext>
                <a:ext uri="{FF2B5EF4-FFF2-40B4-BE49-F238E27FC236}">
                  <a16:creationId xmlns:a16="http://schemas.microsoft.com/office/drawing/2014/main" id="{00000000-0008-0000-0100-00004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82550</xdr:colOff>
          <xdr:row>44</xdr:row>
          <xdr:rowOff>158750</xdr:rowOff>
        </xdr:from>
        <xdr:to>
          <xdr:col>68</xdr:col>
          <xdr:colOff>95250</xdr:colOff>
          <xdr:row>45</xdr:row>
          <xdr:rowOff>88900</xdr:rowOff>
        </xdr:to>
        <xdr:sp macro="" textlink="">
          <xdr:nvSpPr>
            <xdr:cNvPr id="2128" name="Check Box 80" hidden="1">
              <a:extLst>
                <a:ext uri="{63B3BB69-23CF-44E3-9099-C40C66FF867C}">
                  <a14:compatExt spid="_x0000_s2128"/>
                </a:ext>
                <a:ext uri="{FF2B5EF4-FFF2-40B4-BE49-F238E27FC236}">
                  <a16:creationId xmlns:a16="http://schemas.microsoft.com/office/drawing/2014/main" id="{00000000-0008-0000-0100-00005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76200</xdr:colOff>
          <xdr:row>45</xdr:row>
          <xdr:rowOff>95250</xdr:rowOff>
        </xdr:from>
        <xdr:to>
          <xdr:col>68</xdr:col>
          <xdr:colOff>88900</xdr:colOff>
          <xdr:row>48</xdr:row>
          <xdr:rowOff>0</xdr:rowOff>
        </xdr:to>
        <xdr:sp macro="" textlink="">
          <xdr:nvSpPr>
            <xdr:cNvPr id="2129" name="Check Box 81" hidden="1">
              <a:extLst>
                <a:ext uri="{63B3BB69-23CF-44E3-9099-C40C66FF867C}">
                  <a14:compatExt spid="_x0000_s2129"/>
                </a:ext>
                <a:ext uri="{FF2B5EF4-FFF2-40B4-BE49-F238E27FC236}">
                  <a16:creationId xmlns:a16="http://schemas.microsoft.com/office/drawing/2014/main" id="{00000000-0008-0000-0100-00005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82550</xdr:colOff>
          <xdr:row>49</xdr:row>
          <xdr:rowOff>158750</xdr:rowOff>
        </xdr:from>
        <xdr:to>
          <xdr:col>68</xdr:col>
          <xdr:colOff>95250</xdr:colOff>
          <xdr:row>50</xdr:row>
          <xdr:rowOff>82550</xdr:rowOff>
        </xdr:to>
        <xdr:sp macro="" textlink="">
          <xdr:nvSpPr>
            <xdr:cNvPr id="2130" name="Check Box 82" hidden="1">
              <a:extLst>
                <a:ext uri="{63B3BB69-23CF-44E3-9099-C40C66FF867C}">
                  <a14:compatExt spid="_x0000_s2130"/>
                </a:ext>
                <a:ext uri="{FF2B5EF4-FFF2-40B4-BE49-F238E27FC236}">
                  <a16:creationId xmlns:a16="http://schemas.microsoft.com/office/drawing/2014/main" id="{00000000-0008-0000-0100-00005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76200</xdr:colOff>
          <xdr:row>50</xdr:row>
          <xdr:rowOff>63500</xdr:rowOff>
        </xdr:from>
        <xdr:to>
          <xdr:col>68</xdr:col>
          <xdr:colOff>88900</xdr:colOff>
          <xdr:row>52</xdr:row>
          <xdr:rowOff>69850</xdr:rowOff>
        </xdr:to>
        <xdr:sp macro="" textlink="">
          <xdr:nvSpPr>
            <xdr:cNvPr id="2131" name="Check Box 83" hidden="1">
              <a:extLst>
                <a:ext uri="{63B3BB69-23CF-44E3-9099-C40C66FF867C}">
                  <a14:compatExt spid="_x0000_s2131"/>
                </a:ext>
                <a:ext uri="{FF2B5EF4-FFF2-40B4-BE49-F238E27FC236}">
                  <a16:creationId xmlns:a16="http://schemas.microsoft.com/office/drawing/2014/main" id="{00000000-0008-0000-0100-00005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82550</xdr:colOff>
          <xdr:row>54</xdr:row>
          <xdr:rowOff>171450</xdr:rowOff>
        </xdr:from>
        <xdr:to>
          <xdr:col>68</xdr:col>
          <xdr:colOff>95250</xdr:colOff>
          <xdr:row>55</xdr:row>
          <xdr:rowOff>88900</xdr:rowOff>
        </xdr:to>
        <xdr:sp macro="" textlink="">
          <xdr:nvSpPr>
            <xdr:cNvPr id="2132" name="Check Box 84" hidden="1">
              <a:extLst>
                <a:ext uri="{63B3BB69-23CF-44E3-9099-C40C66FF867C}">
                  <a14:compatExt spid="_x0000_s2132"/>
                </a:ext>
                <a:ext uri="{FF2B5EF4-FFF2-40B4-BE49-F238E27FC236}">
                  <a16:creationId xmlns:a16="http://schemas.microsoft.com/office/drawing/2014/main" id="{00000000-0008-0000-0100-00005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95250</xdr:colOff>
          <xdr:row>55</xdr:row>
          <xdr:rowOff>69850</xdr:rowOff>
        </xdr:from>
        <xdr:to>
          <xdr:col>68</xdr:col>
          <xdr:colOff>107950</xdr:colOff>
          <xdr:row>57</xdr:row>
          <xdr:rowOff>82550</xdr:rowOff>
        </xdr:to>
        <xdr:sp macro="" textlink="">
          <xdr:nvSpPr>
            <xdr:cNvPr id="2133" name="Check Box 85" hidden="1">
              <a:extLst>
                <a:ext uri="{63B3BB69-23CF-44E3-9099-C40C66FF867C}">
                  <a14:compatExt spid="_x0000_s2133"/>
                </a:ext>
                <a:ext uri="{FF2B5EF4-FFF2-40B4-BE49-F238E27FC236}">
                  <a16:creationId xmlns:a16="http://schemas.microsoft.com/office/drawing/2014/main" id="{00000000-0008-0000-0100-00005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82550</xdr:colOff>
          <xdr:row>59</xdr:row>
          <xdr:rowOff>133350</xdr:rowOff>
        </xdr:from>
        <xdr:to>
          <xdr:col>68</xdr:col>
          <xdr:colOff>95250</xdr:colOff>
          <xdr:row>60</xdr:row>
          <xdr:rowOff>82550</xdr:rowOff>
        </xdr:to>
        <xdr:sp macro="" textlink="">
          <xdr:nvSpPr>
            <xdr:cNvPr id="2134" name="Check Box 86" hidden="1">
              <a:extLst>
                <a:ext uri="{63B3BB69-23CF-44E3-9099-C40C66FF867C}">
                  <a14:compatExt spid="_x0000_s2134"/>
                </a:ext>
                <a:ext uri="{FF2B5EF4-FFF2-40B4-BE49-F238E27FC236}">
                  <a16:creationId xmlns:a16="http://schemas.microsoft.com/office/drawing/2014/main" id="{00000000-0008-0000-0100-00005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76200</xdr:colOff>
          <xdr:row>60</xdr:row>
          <xdr:rowOff>63500</xdr:rowOff>
        </xdr:from>
        <xdr:to>
          <xdr:col>68</xdr:col>
          <xdr:colOff>88900</xdr:colOff>
          <xdr:row>62</xdr:row>
          <xdr:rowOff>69850</xdr:rowOff>
        </xdr:to>
        <xdr:sp macro="" textlink="">
          <xdr:nvSpPr>
            <xdr:cNvPr id="2135" name="Check Box 87" hidden="1">
              <a:extLst>
                <a:ext uri="{63B3BB69-23CF-44E3-9099-C40C66FF867C}">
                  <a14:compatExt spid="_x0000_s2135"/>
                </a:ext>
                <a:ext uri="{FF2B5EF4-FFF2-40B4-BE49-F238E27FC236}">
                  <a16:creationId xmlns:a16="http://schemas.microsoft.com/office/drawing/2014/main" id="{00000000-0008-0000-0100-00005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95250</xdr:colOff>
          <xdr:row>64</xdr:row>
          <xdr:rowOff>133350</xdr:rowOff>
        </xdr:from>
        <xdr:to>
          <xdr:col>68</xdr:col>
          <xdr:colOff>107950</xdr:colOff>
          <xdr:row>65</xdr:row>
          <xdr:rowOff>95250</xdr:rowOff>
        </xdr:to>
        <xdr:sp macro="" textlink="">
          <xdr:nvSpPr>
            <xdr:cNvPr id="2136" name="Check Box 88" hidden="1">
              <a:extLst>
                <a:ext uri="{63B3BB69-23CF-44E3-9099-C40C66FF867C}">
                  <a14:compatExt spid="_x0000_s2136"/>
                </a:ext>
                <a:ext uri="{FF2B5EF4-FFF2-40B4-BE49-F238E27FC236}">
                  <a16:creationId xmlns:a16="http://schemas.microsoft.com/office/drawing/2014/main" id="{00000000-0008-0000-0100-00005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76200</xdr:colOff>
          <xdr:row>65</xdr:row>
          <xdr:rowOff>76200</xdr:rowOff>
        </xdr:from>
        <xdr:to>
          <xdr:col>68</xdr:col>
          <xdr:colOff>88900</xdr:colOff>
          <xdr:row>67</xdr:row>
          <xdr:rowOff>88900</xdr:rowOff>
        </xdr:to>
        <xdr:sp macro="" textlink="">
          <xdr:nvSpPr>
            <xdr:cNvPr id="2137" name="Check Box 89" hidden="1">
              <a:extLst>
                <a:ext uri="{63B3BB69-23CF-44E3-9099-C40C66FF867C}">
                  <a14:compatExt spid="_x0000_s2137"/>
                </a:ext>
                <a:ext uri="{FF2B5EF4-FFF2-40B4-BE49-F238E27FC236}">
                  <a16:creationId xmlns:a16="http://schemas.microsoft.com/office/drawing/2014/main" id="{00000000-0008-0000-0100-00005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95250</xdr:colOff>
          <xdr:row>69</xdr:row>
          <xdr:rowOff>133350</xdr:rowOff>
        </xdr:from>
        <xdr:to>
          <xdr:col>68</xdr:col>
          <xdr:colOff>107950</xdr:colOff>
          <xdr:row>71</xdr:row>
          <xdr:rowOff>19050</xdr:rowOff>
        </xdr:to>
        <xdr:sp macro="" textlink="">
          <xdr:nvSpPr>
            <xdr:cNvPr id="2138" name="Check Box 90" hidden="1">
              <a:extLst>
                <a:ext uri="{63B3BB69-23CF-44E3-9099-C40C66FF867C}">
                  <a14:compatExt spid="_x0000_s2138"/>
                </a:ext>
                <a:ext uri="{FF2B5EF4-FFF2-40B4-BE49-F238E27FC236}">
                  <a16:creationId xmlns:a16="http://schemas.microsoft.com/office/drawing/2014/main" id="{00000000-0008-0000-0100-00005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82550</xdr:colOff>
          <xdr:row>71</xdr:row>
          <xdr:rowOff>6350</xdr:rowOff>
        </xdr:from>
        <xdr:to>
          <xdr:col>68</xdr:col>
          <xdr:colOff>95250</xdr:colOff>
          <xdr:row>73</xdr:row>
          <xdr:rowOff>19050</xdr:rowOff>
        </xdr:to>
        <xdr:sp macro="" textlink="">
          <xdr:nvSpPr>
            <xdr:cNvPr id="2139" name="Check Box 91" hidden="1">
              <a:extLst>
                <a:ext uri="{63B3BB69-23CF-44E3-9099-C40C66FF867C}">
                  <a14:compatExt spid="_x0000_s2139"/>
                </a:ext>
                <a:ext uri="{FF2B5EF4-FFF2-40B4-BE49-F238E27FC236}">
                  <a16:creationId xmlns:a16="http://schemas.microsoft.com/office/drawing/2014/main" id="{00000000-0008-0000-0100-00005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95250</xdr:colOff>
          <xdr:row>74</xdr:row>
          <xdr:rowOff>133350</xdr:rowOff>
        </xdr:from>
        <xdr:to>
          <xdr:col>68</xdr:col>
          <xdr:colOff>107950</xdr:colOff>
          <xdr:row>76</xdr:row>
          <xdr:rowOff>19050</xdr:rowOff>
        </xdr:to>
        <xdr:sp macro="" textlink="">
          <xdr:nvSpPr>
            <xdr:cNvPr id="2140" name="Check Box 92" hidden="1">
              <a:extLst>
                <a:ext uri="{63B3BB69-23CF-44E3-9099-C40C66FF867C}">
                  <a14:compatExt spid="_x0000_s2140"/>
                </a:ext>
                <a:ext uri="{FF2B5EF4-FFF2-40B4-BE49-F238E27FC236}">
                  <a16:creationId xmlns:a16="http://schemas.microsoft.com/office/drawing/2014/main" id="{00000000-0008-0000-0100-00005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82550</xdr:colOff>
          <xdr:row>76</xdr:row>
          <xdr:rowOff>6350</xdr:rowOff>
        </xdr:from>
        <xdr:to>
          <xdr:col>68</xdr:col>
          <xdr:colOff>95250</xdr:colOff>
          <xdr:row>78</xdr:row>
          <xdr:rowOff>19050</xdr:rowOff>
        </xdr:to>
        <xdr:sp macro="" textlink="">
          <xdr:nvSpPr>
            <xdr:cNvPr id="2141" name="Check Box 93" hidden="1">
              <a:extLst>
                <a:ext uri="{63B3BB69-23CF-44E3-9099-C40C66FF867C}">
                  <a14:compatExt spid="_x0000_s2141"/>
                </a:ext>
                <a:ext uri="{FF2B5EF4-FFF2-40B4-BE49-F238E27FC236}">
                  <a16:creationId xmlns:a16="http://schemas.microsoft.com/office/drawing/2014/main" id="{00000000-0008-0000-0100-00005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95250</xdr:colOff>
          <xdr:row>79</xdr:row>
          <xdr:rowOff>133350</xdr:rowOff>
        </xdr:from>
        <xdr:to>
          <xdr:col>68</xdr:col>
          <xdr:colOff>107950</xdr:colOff>
          <xdr:row>81</xdr:row>
          <xdr:rowOff>19050</xdr:rowOff>
        </xdr:to>
        <xdr:sp macro="" textlink="">
          <xdr:nvSpPr>
            <xdr:cNvPr id="2142" name="Check Box 94" hidden="1">
              <a:extLst>
                <a:ext uri="{63B3BB69-23CF-44E3-9099-C40C66FF867C}">
                  <a14:compatExt spid="_x0000_s2142"/>
                </a:ext>
                <a:ext uri="{FF2B5EF4-FFF2-40B4-BE49-F238E27FC236}">
                  <a16:creationId xmlns:a16="http://schemas.microsoft.com/office/drawing/2014/main" id="{00000000-0008-0000-0100-00005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82550</xdr:colOff>
          <xdr:row>81</xdr:row>
          <xdr:rowOff>6350</xdr:rowOff>
        </xdr:from>
        <xdr:to>
          <xdr:col>68</xdr:col>
          <xdr:colOff>95250</xdr:colOff>
          <xdr:row>83</xdr:row>
          <xdr:rowOff>19050</xdr:rowOff>
        </xdr:to>
        <xdr:sp macro="" textlink="">
          <xdr:nvSpPr>
            <xdr:cNvPr id="2143" name="Check Box 95" hidden="1">
              <a:extLst>
                <a:ext uri="{63B3BB69-23CF-44E3-9099-C40C66FF867C}">
                  <a14:compatExt spid="_x0000_s2143"/>
                </a:ext>
                <a:ext uri="{FF2B5EF4-FFF2-40B4-BE49-F238E27FC236}">
                  <a16:creationId xmlns:a16="http://schemas.microsoft.com/office/drawing/2014/main" id="{00000000-0008-0000-0100-00005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95250</xdr:colOff>
          <xdr:row>84</xdr:row>
          <xdr:rowOff>133350</xdr:rowOff>
        </xdr:from>
        <xdr:to>
          <xdr:col>68</xdr:col>
          <xdr:colOff>107950</xdr:colOff>
          <xdr:row>86</xdr:row>
          <xdr:rowOff>19050</xdr:rowOff>
        </xdr:to>
        <xdr:sp macro="" textlink="">
          <xdr:nvSpPr>
            <xdr:cNvPr id="2144" name="Check Box 96" hidden="1">
              <a:extLst>
                <a:ext uri="{63B3BB69-23CF-44E3-9099-C40C66FF867C}">
                  <a14:compatExt spid="_x0000_s2144"/>
                </a:ext>
                <a:ext uri="{FF2B5EF4-FFF2-40B4-BE49-F238E27FC236}">
                  <a16:creationId xmlns:a16="http://schemas.microsoft.com/office/drawing/2014/main" id="{00000000-0008-0000-0100-00006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5</xdr:col>
          <xdr:colOff>82550</xdr:colOff>
          <xdr:row>86</xdr:row>
          <xdr:rowOff>6350</xdr:rowOff>
        </xdr:from>
        <xdr:to>
          <xdr:col>68</xdr:col>
          <xdr:colOff>95250</xdr:colOff>
          <xdr:row>88</xdr:row>
          <xdr:rowOff>19050</xdr:rowOff>
        </xdr:to>
        <xdr:sp macro="" textlink="">
          <xdr:nvSpPr>
            <xdr:cNvPr id="2145" name="Check Box 97" hidden="1">
              <a:extLst>
                <a:ext uri="{63B3BB69-23CF-44E3-9099-C40C66FF867C}">
                  <a14:compatExt spid="_x0000_s2145"/>
                </a:ext>
                <a:ext uri="{FF2B5EF4-FFF2-40B4-BE49-F238E27FC236}">
                  <a16:creationId xmlns:a16="http://schemas.microsoft.com/office/drawing/2014/main" id="{00000000-0008-0000-0100-00006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44</xdr:row>
          <xdr:rowOff>127000</xdr:rowOff>
        </xdr:from>
        <xdr:to>
          <xdr:col>94</xdr:col>
          <xdr:colOff>19050</xdr:colOff>
          <xdr:row>46</xdr:row>
          <xdr:rowOff>19050</xdr:rowOff>
        </xdr:to>
        <xdr:sp macro="" textlink="">
          <xdr:nvSpPr>
            <xdr:cNvPr id="2146" name="Check Box 98" hidden="1">
              <a:extLst>
                <a:ext uri="{63B3BB69-23CF-44E3-9099-C40C66FF867C}">
                  <a14:compatExt spid="_x0000_s2146"/>
                </a:ext>
                <a:ext uri="{FF2B5EF4-FFF2-40B4-BE49-F238E27FC236}">
                  <a16:creationId xmlns:a16="http://schemas.microsoft.com/office/drawing/2014/main" id="{00000000-0008-0000-0100-00006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45</xdr:row>
          <xdr:rowOff>82550</xdr:rowOff>
        </xdr:from>
        <xdr:to>
          <xdr:col>94</xdr:col>
          <xdr:colOff>19050</xdr:colOff>
          <xdr:row>47</xdr:row>
          <xdr:rowOff>88900</xdr:rowOff>
        </xdr:to>
        <xdr:sp macro="" textlink="">
          <xdr:nvSpPr>
            <xdr:cNvPr id="2147" name="Check Box 99" hidden="1">
              <a:extLst>
                <a:ext uri="{63B3BB69-23CF-44E3-9099-C40C66FF867C}">
                  <a14:compatExt spid="_x0000_s2147"/>
                </a:ext>
                <a:ext uri="{FF2B5EF4-FFF2-40B4-BE49-F238E27FC236}">
                  <a16:creationId xmlns:a16="http://schemas.microsoft.com/office/drawing/2014/main" id="{00000000-0008-0000-0100-00006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49</xdr:row>
          <xdr:rowOff>127000</xdr:rowOff>
        </xdr:from>
        <xdr:to>
          <xdr:col>94</xdr:col>
          <xdr:colOff>19050</xdr:colOff>
          <xdr:row>51</xdr:row>
          <xdr:rowOff>6350</xdr:rowOff>
        </xdr:to>
        <xdr:sp macro="" textlink="">
          <xdr:nvSpPr>
            <xdr:cNvPr id="2148" name="Check Box 100" hidden="1">
              <a:extLst>
                <a:ext uri="{63B3BB69-23CF-44E3-9099-C40C66FF867C}">
                  <a14:compatExt spid="_x0000_s2148"/>
                </a:ext>
                <a:ext uri="{FF2B5EF4-FFF2-40B4-BE49-F238E27FC236}">
                  <a16:creationId xmlns:a16="http://schemas.microsoft.com/office/drawing/2014/main" id="{00000000-0008-0000-0100-00006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50</xdr:row>
          <xdr:rowOff>82550</xdr:rowOff>
        </xdr:from>
        <xdr:to>
          <xdr:col>94</xdr:col>
          <xdr:colOff>19050</xdr:colOff>
          <xdr:row>52</xdr:row>
          <xdr:rowOff>88900</xdr:rowOff>
        </xdr:to>
        <xdr:sp macro="" textlink="">
          <xdr:nvSpPr>
            <xdr:cNvPr id="2149" name="Check Box 101" hidden="1">
              <a:extLst>
                <a:ext uri="{63B3BB69-23CF-44E3-9099-C40C66FF867C}">
                  <a14:compatExt spid="_x0000_s2149"/>
                </a:ext>
                <a:ext uri="{FF2B5EF4-FFF2-40B4-BE49-F238E27FC236}">
                  <a16:creationId xmlns:a16="http://schemas.microsoft.com/office/drawing/2014/main" id="{00000000-0008-0000-0100-00006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54</xdr:row>
          <xdr:rowOff>127000</xdr:rowOff>
        </xdr:from>
        <xdr:to>
          <xdr:col>94</xdr:col>
          <xdr:colOff>19050</xdr:colOff>
          <xdr:row>55</xdr:row>
          <xdr:rowOff>101600</xdr:rowOff>
        </xdr:to>
        <xdr:sp macro="" textlink="">
          <xdr:nvSpPr>
            <xdr:cNvPr id="2150" name="Check Box 102" hidden="1">
              <a:extLst>
                <a:ext uri="{63B3BB69-23CF-44E3-9099-C40C66FF867C}">
                  <a14:compatExt spid="_x0000_s2150"/>
                </a:ext>
                <a:ext uri="{FF2B5EF4-FFF2-40B4-BE49-F238E27FC236}">
                  <a16:creationId xmlns:a16="http://schemas.microsoft.com/office/drawing/2014/main" id="{00000000-0008-0000-0100-00006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55</xdr:row>
          <xdr:rowOff>82550</xdr:rowOff>
        </xdr:from>
        <xdr:to>
          <xdr:col>94</xdr:col>
          <xdr:colOff>19050</xdr:colOff>
          <xdr:row>57</xdr:row>
          <xdr:rowOff>88900</xdr:rowOff>
        </xdr:to>
        <xdr:sp macro="" textlink="">
          <xdr:nvSpPr>
            <xdr:cNvPr id="2151" name="Check Box 103" hidden="1">
              <a:extLst>
                <a:ext uri="{63B3BB69-23CF-44E3-9099-C40C66FF867C}">
                  <a14:compatExt spid="_x0000_s2151"/>
                </a:ext>
                <a:ext uri="{FF2B5EF4-FFF2-40B4-BE49-F238E27FC236}">
                  <a16:creationId xmlns:a16="http://schemas.microsoft.com/office/drawing/2014/main" id="{00000000-0008-0000-0100-00006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59</xdr:row>
          <xdr:rowOff>127000</xdr:rowOff>
        </xdr:from>
        <xdr:to>
          <xdr:col>94</xdr:col>
          <xdr:colOff>19050</xdr:colOff>
          <xdr:row>61</xdr:row>
          <xdr:rowOff>31750</xdr:rowOff>
        </xdr:to>
        <xdr:sp macro="" textlink="">
          <xdr:nvSpPr>
            <xdr:cNvPr id="2152" name="Check Box 104" hidden="1">
              <a:extLst>
                <a:ext uri="{63B3BB69-23CF-44E3-9099-C40C66FF867C}">
                  <a14:compatExt spid="_x0000_s2152"/>
                </a:ext>
                <a:ext uri="{FF2B5EF4-FFF2-40B4-BE49-F238E27FC236}">
                  <a16:creationId xmlns:a16="http://schemas.microsoft.com/office/drawing/2014/main" id="{00000000-0008-0000-0100-00006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60</xdr:row>
          <xdr:rowOff>82550</xdr:rowOff>
        </xdr:from>
        <xdr:to>
          <xdr:col>94</xdr:col>
          <xdr:colOff>19050</xdr:colOff>
          <xdr:row>62</xdr:row>
          <xdr:rowOff>88900</xdr:rowOff>
        </xdr:to>
        <xdr:sp macro="" textlink="">
          <xdr:nvSpPr>
            <xdr:cNvPr id="2153" name="Check Box 105" hidden="1">
              <a:extLst>
                <a:ext uri="{63B3BB69-23CF-44E3-9099-C40C66FF867C}">
                  <a14:compatExt spid="_x0000_s2153"/>
                </a:ext>
                <a:ext uri="{FF2B5EF4-FFF2-40B4-BE49-F238E27FC236}">
                  <a16:creationId xmlns:a16="http://schemas.microsoft.com/office/drawing/2014/main" id="{00000000-0008-0000-0100-00006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64</xdr:row>
          <xdr:rowOff>127000</xdr:rowOff>
        </xdr:from>
        <xdr:to>
          <xdr:col>94</xdr:col>
          <xdr:colOff>19050</xdr:colOff>
          <xdr:row>66</xdr:row>
          <xdr:rowOff>50800</xdr:rowOff>
        </xdr:to>
        <xdr:sp macro="" textlink="">
          <xdr:nvSpPr>
            <xdr:cNvPr id="2154" name="Check Box 106" hidden="1">
              <a:extLst>
                <a:ext uri="{63B3BB69-23CF-44E3-9099-C40C66FF867C}">
                  <a14:compatExt spid="_x0000_s2154"/>
                </a:ext>
                <a:ext uri="{FF2B5EF4-FFF2-40B4-BE49-F238E27FC236}">
                  <a16:creationId xmlns:a16="http://schemas.microsoft.com/office/drawing/2014/main" id="{00000000-0008-0000-0100-00006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65</xdr:row>
          <xdr:rowOff>82550</xdr:rowOff>
        </xdr:from>
        <xdr:to>
          <xdr:col>94</xdr:col>
          <xdr:colOff>19050</xdr:colOff>
          <xdr:row>67</xdr:row>
          <xdr:rowOff>88900</xdr:rowOff>
        </xdr:to>
        <xdr:sp macro="" textlink="">
          <xdr:nvSpPr>
            <xdr:cNvPr id="2155" name="Check Box 107" hidden="1">
              <a:extLst>
                <a:ext uri="{63B3BB69-23CF-44E3-9099-C40C66FF867C}">
                  <a14:compatExt spid="_x0000_s2155"/>
                </a:ext>
                <a:ext uri="{FF2B5EF4-FFF2-40B4-BE49-F238E27FC236}">
                  <a16:creationId xmlns:a16="http://schemas.microsoft.com/office/drawing/2014/main" id="{00000000-0008-0000-0100-00006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69</xdr:row>
          <xdr:rowOff>95250</xdr:rowOff>
        </xdr:from>
        <xdr:to>
          <xdr:col>94</xdr:col>
          <xdr:colOff>19050</xdr:colOff>
          <xdr:row>71</xdr:row>
          <xdr:rowOff>38100</xdr:rowOff>
        </xdr:to>
        <xdr:sp macro="" textlink="">
          <xdr:nvSpPr>
            <xdr:cNvPr id="2156" name="Check Box 108" hidden="1">
              <a:extLst>
                <a:ext uri="{63B3BB69-23CF-44E3-9099-C40C66FF867C}">
                  <a14:compatExt spid="_x0000_s2156"/>
                </a:ext>
                <a:ext uri="{FF2B5EF4-FFF2-40B4-BE49-F238E27FC236}">
                  <a16:creationId xmlns:a16="http://schemas.microsoft.com/office/drawing/2014/main" id="{00000000-0008-0000-0100-00006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71</xdr:row>
          <xdr:rowOff>6350</xdr:rowOff>
        </xdr:from>
        <xdr:to>
          <xdr:col>94</xdr:col>
          <xdr:colOff>19050</xdr:colOff>
          <xdr:row>73</xdr:row>
          <xdr:rowOff>12700</xdr:rowOff>
        </xdr:to>
        <xdr:sp macro="" textlink="">
          <xdr:nvSpPr>
            <xdr:cNvPr id="2157" name="Check Box 109" hidden="1">
              <a:extLst>
                <a:ext uri="{63B3BB69-23CF-44E3-9099-C40C66FF867C}">
                  <a14:compatExt spid="_x0000_s2157"/>
                </a:ext>
                <a:ext uri="{FF2B5EF4-FFF2-40B4-BE49-F238E27FC236}">
                  <a16:creationId xmlns:a16="http://schemas.microsoft.com/office/drawing/2014/main" id="{00000000-0008-0000-0100-00006D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74</xdr:row>
          <xdr:rowOff>95250</xdr:rowOff>
        </xdr:from>
        <xdr:to>
          <xdr:col>94</xdr:col>
          <xdr:colOff>19050</xdr:colOff>
          <xdr:row>76</xdr:row>
          <xdr:rowOff>38100</xdr:rowOff>
        </xdr:to>
        <xdr:sp macro="" textlink="">
          <xdr:nvSpPr>
            <xdr:cNvPr id="2158" name="Check Box 110" hidden="1">
              <a:extLst>
                <a:ext uri="{63B3BB69-23CF-44E3-9099-C40C66FF867C}">
                  <a14:compatExt spid="_x0000_s2158"/>
                </a:ext>
                <a:ext uri="{FF2B5EF4-FFF2-40B4-BE49-F238E27FC236}">
                  <a16:creationId xmlns:a16="http://schemas.microsoft.com/office/drawing/2014/main" id="{00000000-0008-0000-0100-00006E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76</xdr:row>
          <xdr:rowOff>6350</xdr:rowOff>
        </xdr:from>
        <xdr:to>
          <xdr:col>94</xdr:col>
          <xdr:colOff>19050</xdr:colOff>
          <xdr:row>78</xdr:row>
          <xdr:rowOff>12700</xdr:rowOff>
        </xdr:to>
        <xdr:sp macro="" textlink="">
          <xdr:nvSpPr>
            <xdr:cNvPr id="2159" name="Check Box 111" hidden="1">
              <a:extLst>
                <a:ext uri="{63B3BB69-23CF-44E3-9099-C40C66FF867C}">
                  <a14:compatExt spid="_x0000_s2159"/>
                </a:ext>
                <a:ext uri="{FF2B5EF4-FFF2-40B4-BE49-F238E27FC236}">
                  <a16:creationId xmlns:a16="http://schemas.microsoft.com/office/drawing/2014/main" id="{00000000-0008-0000-0100-00006F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79</xdr:row>
          <xdr:rowOff>95250</xdr:rowOff>
        </xdr:from>
        <xdr:to>
          <xdr:col>94</xdr:col>
          <xdr:colOff>19050</xdr:colOff>
          <xdr:row>81</xdr:row>
          <xdr:rowOff>38100</xdr:rowOff>
        </xdr:to>
        <xdr:sp macro="" textlink="">
          <xdr:nvSpPr>
            <xdr:cNvPr id="2160" name="Check Box 112" hidden="1">
              <a:extLst>
                <a:ext uri="{63B3BB69-23CF-44E3-9099-C40C66FF867C}">
                  <a14:compatExt spid="_x0000_s2160"/>
                </a:ext>
                <a:ext uri="{FF2B5EF4-FFF2-40B4-BE49-F238E27FC236}">
                  <a16:creationId xmlns:a16="http://schemas.microsoft.com/office/drawing/2014/main" id="{00000000-0008-0000-0100-000070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81</xdr:row>
          <xdr:rowOff>6350</xdr:rowOff>
        </xdr:from>
        <xdr:to>
          <xdr:col>94</xdr:col>
          <xdr:colOff>19050</xdr:colOff>
          <xdr:row>83</xdr:row>
          <xdr:rowOff>12700</xdr:rowOff>
        </xdr:to>
        <xdr:sp macro="" textlink="">
          <xdr:nvSpPr>
            <xdr:cNvPr id="2161" name="Check Box 113" hidden="1">
              <a:extLst>
                <a:ext uri="{63B3BB69-23CF-44E3-9099-C40C66FF867C}">
                  <a14:compatExt spid="_x0000_s2161"/>
                </a:ext>
                <a:ext uri="{FF2B5EF4-FFF2-40B4-BE49-F238E27FC236}">
                  <a16:creationId xmlns:a16="http://schemas.microsoft.com/office/drawing/2014/main" id="{00000000-0008-0000-0100-000071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84</xdr:row>
          <xdr:rowOff>95250</xdr:rowOff>
        </xdr:from>
        <xdr:to>
          <xdr:col>94</xdr:col>
          <xdr:colOff>19050</xdr:colOff>
          <xdr:row>86</xdr:row>
          <xdr:rowOff>38100</xdr:rowOff>
        </xdr:to>
        <xdr:sp macro="" textlink="">
          <xdr:nvSpPr>
            <xdr:cNvPr id="2162" name="Check Box 114" hidden="1">
              <a:extLst>
                <a:ext uri="{63B3BB69-23CF-44E3-9099-C40C66FF867C}">
                  <a14:compatExt spid="_x0000_s2162"/>
                </a:ext>
                <a:ext uri="{FF2B5EF4-FFF2-40B4-BE49-F238E27FC236}">
                  <a16:creationId xmlns:a16="http://schemas.microsoft.com/office/drawing/2014/main" id="{00000000-0008-0000-0100-000072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1</xdr:col>
          <xdr:colOff>6350</xdr:colOff>
          <xdr:row>86</xdr:row>
          <xdr:rowOff>6350</xdr:rowOff>
        </xdr:from>
        <xdr:to>
          <xdr:col>94</xdr:col>
          <xdr:colOff>19050</xdr:colOff>
          <xdr:row>88</xdr:row>
          <xdr:rowOff>12700</xdr:rowOff>
        </xdr:to>
        <xdr:sp macro="" textlink="">
          <xdr:nvSpPr>
            <xdr:cNvPr id="2163" name="Check Box 115" hidden="1">
              <a:extLst>
                <a:ext uri="{63B3BB69-23CF-44E3-9099-C40C66FF867C}">
                  <a14:compatExt spid="_x0000_s2163"/>
                </a:ext>
                <a:ext uri="{FF2B5EF4-FFF2-40B4-BE49-F238E27FC236}">
                  <a16:creationId xmlns:a16="http://schemas.microsoft.com/office/drawing/2014/main" id="{00000000-0008-0000-0100-000073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8</xdr:col>
          <xdr:colOff>82550</xdr:colOff>
          <xdr:row>94</xdr:row>
          <xdr:rowOff>31750</xdr:rowOff>
        </xdr:from>
        <xdr:to>
          <xdr:col>75</xdr:col>
          <xdr:colOff>19050</xdr:colOff>
          <xdr:row>96</xdr:row>
          <xdr:rowOff>69850</xdr:rowOff>
        </xdr:to>
        <xdr:sp macro="" textlink="">
          <xdr:nvSpPr>
            <xdr:cNvPr id="2164" name="Check Box 116" hidden="1">
              <a:extLst>
                <a:ext uri="{63B3BB69-23CF-44E3-9099-C40C66FF867C}">
                  <a14:compatExt spid="_x0000_s2164"/>
                </a:ext>
                <a:ext uri="{FF2B5EF4-FFF2-40B4-BE49-F238E27FC236}">
                  <a16:creationId xmlns:a16="http://schemas.microsoft.com/office/drawing/2014/main" id="{00000000-0008-0000-0100-000074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5</xdr:col>
          <xdr:colOff>38100</xdr:colOff>
          <xdr:row>94</xdr:row>
          <xdr:rowOff>31750</xdr:rowOff>
        </xdr:from>
        <xdr:to>
          <xdr:col>81</xdr:col>
          <xdr:colOff>82550</xdr:colOff>
          <xdr:row>96</xdr:row>
          <xdr:rowOff>76200</xdr:rowOff>
        </xdr:to>
        <xdr:sp macro="" textlink="">
          <xdr:nvSpPr>
            <xdr:cNvPr id="2165" name="Check Box 117" hidden="1">
              <a:extLst>
                <a:ext uri="{63B3BB69-23CF-44E3-9099-C40C66FF867C}">
                  <a14:compatExt spid="_x0000_s2165"/>
                </a:ext>
                <a:ext uri="{FF2B5EF4-FFF2-40B4-BE49-F238E27FC236}">
                  <a16:creationId xmlns:a16="http://schemas.microsoft.com/office/drawing/2014/main" id="{00000000-0008-0000-0100-000075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1</xdr:col>
          <xdr:colOff>69850</xdr:colOff>
          <xdr:row>94</xdr:row>
          <xdr:rowOff>19050</xdr:rowOff>
        </xdr:from>
        <xdr:to>
          <xdr:col>88</xdr:col>
          <xdr:colOff>25400</xdr:colOff>
          <xdr:row>96</xdr:row>
          <xdr:rowOff>57150</xdr:rowOff>
        </xdr:to>
        <xdr:sp macro="" textlink="">
          <xdr:nvSpPr>
            <xdr:cNvPr id="2166" name="Check Box 118" hidden="1">
              <a:extLst>
                <a:ext uri="{63B3BB69-23CF-44E3-9099-C40C66FF867C}">
                  <a14:compatExt spid="_x0000_s2166"/>
                </a:ext>
                <a:ext uri="{FF2B5EF4-FFF2-40B4-BE49-F238E27FC236}">
                  <a16:creationId xmlns:a16="http://schemas.microsoft.com/office/drawing/2014/main" id="{00000000-0008-0000-0100-000076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8</xdr:col>
          <xdr:colOff>82550</xdr:colOff>
          <xdr:row>99</xdr:row>
          <xdr:rowOff>31750</xdr:rowOff>
        </xdr:from>
        <xdr:to>
          <xdr:col>75</xdr:col>
          <xdr:colOff>19050</xdr:colOff>
          <xdr:row>101</xdr:row>
          <xdr:rowOff>69850</xdr:rowOff>
        </xdr:to>
        <xdr:sp macro="" textlink="">
          <xdr:nvSpPr>
            <xdr:cNvPr id="2167" name="Check Box 119" hidden="1">
              <a:extLst>
                <a:ext uri="{63B3BB69-23CF-44E3-9099-C40C66FF867C}">
                  <a14:compatExt spid="_x0000_s2167"/>
                </a:ext>
                <a:ext uri="{FF2B5EF4-FFF2-40B4-BE49-F238E27FC236}">
                  <a16:creationId xmlns:a16="http://schemas.microsoft.com/office/drawing/2014/main" id="{00000000-0008-0000-0100-000077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5</xdr:col>
          <xdr:colOff>38100</xdr:colOff>
          <xdr:row>99</xdr:row>
          <xdr:rowOff>31750</xdr:rowOff>
        </xdr:from>
        <xdr:to>
          <xdr:col>81</xdr:col>
          <xdr:colOff>82550</xdr:colOff>
          <xdr:row>101</xdr:row>
          <xdr:rowOff>76200</xdr:rowOff>
        </xdr:to>
        <xdr:sp macro="" textlink="">
          <xdr:nvSpPr>
            <xdr:cNvPr id="2168" name="Check Box 120" hidden="1">
              <a:extLst>
                <a:ext uri="{63B3BB69-23CF-44E3-9099-C40C66FF867C}">
                  <a14:compatExt spid="_x0000_s2168"/>
                </a:ext>
                <a:ext uri="{FF2B5EF4-FFF2-40B4-BE49-F238E27FC236}">
                  <a16:creationId xmlns:a16="http://schemas.microsoft.com/office/drawing/2014/main" id="{00000000-0008-0000-0100-000078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1</xdr:col>
          <xdr:colOff>69850</xdr:colOff>
          <xdr:row>99</xdr:row>
          <xdr:rowOff>19050</xdr:rowOff>
        </xdr:from>
        <xdr:to>
          <xdr:col>88</xdr:col>
          <xdr:colOff>25400</xdr:colOff>
          <xdr:row>101</xdr:row>
          <xdr:rowOff>57150</xdr:rowOff>
        </xdr:to>
        <xdr:sp macro="" textlink="">
          <xdr:nvSpPr>
            <xdr:cNvPr id="2169" name="Check Box 121" hidden="1">
              <a:extLst>
                <a:ext uri="{63B3BB69-23CF-44E3-9099-C40C66FF867C}">
                  <a14:compatExt spid="_x0000_s2169"/>
                </a:ext>
                <a:ext uri="{FF2B5EF4-FFF2-40B4-BE49-F238E27FC236}">
                  <a16:creationId xmlns:a16="http://schemas.microsoft.com/office/drawing/2014/main" id="{00000000-0008-0000-0100-000079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8</xdr:col>
          <xdr:colOff>82550</xdr:colOff>
          <xdr:row>104</xdr:row>
          <xdr:rowOff>31750</xdr:rowOff>
        </xdr:from>
        <xdr:to>
          <xdr:col>75</xdr:col>
          <xdr:colOff>19050</xdr:colOff>
          <xdr:row>106</xdr:row>
          <xdr:rowOff>69850</xdr:rowOff>
        </xdr:to>
        <xdr:sp macro="" textlink="">
          <xdr:nvSpPr>
            <xdr:cNvPr id="2170" name="Check Box 122" hidden="1">
              <a:extLst>
                <a:ext uri="{63B3BB69-23CF-44E3-9099-C40C66FF867C}">
                  <a14:compatExt spid="_x0000_s2170"/>
                </a:ext>
                <a:ext uri="{FF2B5EF4-FFF2-40B4-BE49-F238E27FC236}">
                  <a16:creationId xmlns:a16="http://schemas.microsoft.com/office/drawing/2014/main" id="{00000000-0008-0000-0100-00007A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5</xdr:col>
          <xdr:colOff>38100</xdr:colOff>
          <xdr:row>104</xdr:row>
          <xdr:rowOff>31750</xdr:rowOff>
        </xdr:from>
        <xdr:to>
          <xdr:col>81</xdr:col>
          <xdr:colOff>82550</xdr:colOff>
          <xdr:row>106</xdr:row>
          <xdr:rowOff>76200</xdr:rowOff>
        </xdr:to>
        <xdr:sp macro="" textlink="">
          <xdr:nvSpPr>
            <xdr:cNvPr id="2171" name="Check Box 123" hidden="1">
              <a:extLst>
                <a:ext uri="{63B3BB69-23CF-44E3-9099-C40C66FF867C}">
                  <a14:compatExt spid="_x0000_s2171"/>
                </a:ext>
                <a:ext uri="{FF2B5EF4-FFF2-40B4-BE49-F238E27FC236}">
                  <a16:creationId xmlns:a16="http://schemas.microsoft.com/office/drawing/2014/main" id="{00000000-0008-0000-0100-00007B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1</xdr:col>
          <xdr:colOff>69850</xdr:colOff>
          <xdr:row>104</xdr:row>
          <xdr:rowOff>19050</xdr:rowOff>
        </xdr:from>
        <xdr:to>
          <xdr:col>88</xdr:col>
          <xdr:colOff>25400</xdr:colOff>
          <xdr:row>106</xdr:row>
          <xdr:rowOff>57150</xdr:rowOff>
        </xdr:to>
        <xdr:sp macro="" textlink="">
          <xdr:nvSpPr>
            <xdr:cNvPr id="2172" name="Check Box 124" hidden="1">
              <a:extLst>
                <a:ext uri="{63B3BB69-23CF-44E3-9099-C40C66FF867C}">
                  <a14:compatExt spid="_x0000_s2172"/>
                </a:ext>
                <a:ext uri="{FF2B5EF4-FFF2-40B4-BE49-F238E27FC236}">
                  <a16:creationId xmlns:a16="http://schemas.microsoft.com/office/drawing/2014/main" id="{00000000-0008-0000-0100-00007C0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1</xdr:col>
          <xdr:colOff>63500</xdr:colOff>
          <xdr:row>65</xdr:row>
          <xdr:rowOff>69850</xdr:rowOff>
        </xdr:from>
        <xdr:to>
          <xdr:col>86</xdr:col>
          <xdr:colOff>44450</xdr:colOff>
          <xdr:row>67</xdr:row>
          <xdr:rowOff>6350</xdr:rowOff>
        </xdr:to>
        <xdr:sp macro="" textlink="">
          <xdr:nvSpPr>
            <xdr:cNvPr id="4098" name="Check Box 2" hidden="1">
              <a:extLst>
                <a:ext uri="{63B3BB69-23CF-44E3-9099-C40C66FF867C}">
                  <a14:compatExt spid="_x0000_s4098"/>
                </a:ext>
                <a:ext uri="{FF2B5EF4-FFF2-40B4-BE49-F238E27FC236}">
                  <a16:creationId xmlns:a16="http://schemas.microsoft.com/office/drawing/2014/main" id="{00000000-0008-0000-0300-000002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6</xdr:col>
          <xdr:colOff>76200</xdr:colOff>
          <xdr:row>65</xdr:row>
          <xdr:rowOff>38100</xdr:rowOff>
        </xdr:from>
        <xdr:to>
          <xdr:col>90</xdr:col>
          <xdr:colOff>63500</xdr:colOff>
          <xdr:row>67</xdr:row>
          <xdr:rowOff>0</xdr:rowOff>
        </xdr:to>
        <xdr:sp macro="" textlink="">
          <xdr:nvSpPr>
            <xdr:cNvPr id="4099" name="Check Box 3" hidden="1">
              <a:extLst>
                <a:ext uri="{63B3BB69-23CF-44E3-9099-C40C66FF867C}">
                  <a14:compatExt spid="_x0000_s4099"/>
                </a:ext>
                <a:ext uri="{FF2B5EF4-FFF2-40B4-BE49-F238E27FC236}">
                  <a16:creationId xmlns:a16="http://schemas.microsoft.com/office/drawing/2014/main" id="{00000000-0008-0000-0300-000003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1</xdr:col>
          <xdr:colOff>69850</xdr:colOff>
          <xdr:row>68</xdr:row>
          <xdr:rowOff>38100</xdr:rowOff>
        </xdr:from>
        <xdr:to>
          <xdr:col>85</xdr:col>
          <xdr:colOff>69850</xdr:colOff>
          <xdr:row>70</xdr:row>
          <xdr:rowOff>0</xdr:rowOff>
        </xdr:to>
        <xdr:sp macro="" textlink="">
          <xdr:nvSpPr>
            <xdr:cNvPr id="4101" name="Check Box 5" hidden="1">
              <a:extLst>
                <a:ext uri="{63B3BB69-23CF-44E3-9099-C40C66FF867C}">
                  <a14:compatExt spid="_x0000_s4101"/>
                </a:ext>
                <a:ext uri="{FF2B5EF4-FFF2-40B4-BE49-F238E27FC236}">
                  <a16:creationId xmlns:a16="http://schemas.microsoft.com/office/drawing/2014/main" id="{00000000-0008-0000-0300-000005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6</xdr:col>
          <xdr:colOff>76200</xdr:colOff>
          <xdr:row>68</xdr:row>
          <xdr:rowOff>31750</xdr:rowOff>
        </xdr:from>
        <xdr:to>
          <xdr:col>92</xdr:col>
          <xdr:colOff>76200</xdr:colOff>
          <xdr:row>70</xdr:row>
          <xdr:rowOff>0</xdr:rowOff>
        </xdr:to>
        <xdr:sp macro="" textlink="">
          <xdr:nvSpPr>
            <xdr:cNvPr id="4102" name="Check Box 6" hidden="1">
              <a:extLst>
                <a:ext uri="{63B3BB69-23CF-44E3-9099-C40C66FF867C}">
                  <a14:compatExt spid="_x0000_s4102"/>
                </a:ext>
                <a:ext uri="{FF2B5EF4-FFF2-40B4-BE49-F238E27FC236}">
                  <a16:creationId xmlns:a16="http://schemas.microsoft.com/office/drawing/2014/main" id="{00000000-0008-0000-0300-000006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23700\Desktop\Book2.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s>
    <sheetDataSet>
      <sheetData sheetId="0">
        <row r="1">
          <cell r="E1" t="str">
            <v>消費税率</v>
          </cell>
          <cell r="F1">
            <v>0.1</v>
          </cell>
        </row>
        <row r="3">
          <cell r="C3" t="str">
            <v>価格</v>
          </cell>
          <cell r="D3" t="str">
            <v>個数</v>
          </cell>
          <cell r="E3" t="str">
            <v>金額</v>
          </cell>
        </row>
        <row r="4">
          <cell r="C4">
            <v>200</v>
          </cell>
          <cell r="D4">
            <v>3</v>
          </cell>
          <cell r="E4">
            <v>600</v>
          </cell>
        </row>
      </sheetData>
      <sheetData sheetId="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8" Type="http://schemas.openxmlformats.org/officeDocument/2006/relationships/ctrlProp" Target="../ctrlProps/ctrlProp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s>
</file>

<file path=xl/worksheets/_rels/sheet2.xml.rels><?xml version="1.0" encoding="UTF-8" standalone="yes"?>
<Relationships xmlns="http://schemas.openxmlformats.org/package/2006/relationships"><Relationship Id="rId26" Type="http://schemas.openxmlformats.org/officeDocument/2006/relationships/ctrlProp" Target="../ctrlProps/ctrlProp63.xml"/><Relationship Id="rId117" Type="http://schemas.openxmlformats.org/officeDocument/2006/relationships/ctrlProp" Target="../ctrlProps/ctrlProp154.xml"/><Relationship Id="rId21" Type="http://schemas.openxmlformats.org/officeDocument/2006/relationships/ctrlProp" Target="../ctrlProps/ctrlProp58.xml"/><Relationship Id="rId42" Type="http://schemas.openxmlformats.org/officeDocument/2006/relationships/ctrlProp" Target="../ctrlProps/ctrlProp79.xml"/><Relationship Id="rId47" Type="http://schemas.openxmlformats.org/officeDocument/2006/relationships/ctrlProp" Target="../ctrlProps/ctrlProp84.xml"/><Relationship Id="rId63" Type="http://schemas.openxmlformats.org/officeDocument/2006/relationships/ctrlProp" Target="../ctrlProps/ctrlProp100.xml"/><Relationship Id="rId68" Type="http://schemas.openxmlformats.org/officeDocument/2006/relationships/ctrlProp" Target="../ctrlProps/ctrlProp105.xml"/><Relationship Id="rId84" Type="http://schemas.openxmlformats.org/officeDocument/2006/relationships/ctrlProp" Target="../ctrlProps/ctrlProp121.xml"/><Relationship Id="rId89" Type="http://schemas.openxmlformats.org/officeDocument/2006/relationships/ctrlProp" Target="../ctrlProps/ctrlProp126.xml"/><Relationship Id="rId112" Type="http://schemas.openxmlformats.org/officeDocument/2006/relationships/ctrlProp" Target="../ctrlProps/ctrlProp149.xml"/><Relationship Id="rId16" Type="http://schemas.openxmlformats.org/officeDocument/2006/relationships/ctrlProp" Target="../ctrlProps/ctrlProp53.xml"/><Relationship Id="rId107" Type="http://schemas.openxmlformats.org/officeDocument/2006/relationships/ctrlProp" Target="../ctrlProps/ctrlProp144.xml"/><Relationship Id="rId11" Type="http://schemas.openxmlformats.org/officeDocument/2006/relationships/ctrlProp" Target="../ctrlProps/ctrlProp48.xml"/><Relationship Id="rId32" Type="http://schemas.openxmlformats.org/officeDocument/2006/relationships/ctrlProp" Target="../ctrlProps/ctrlProp69.xml"/><Relationship Id="rId37" Type="http://schemas.openxmlformats.org/officeDocument/2006/relationships/ctrlProp" Target="../ctrlProps/ctrlProp74.xml"/><Relationship Id="rId53" Type="http://schemas.openxmlformats.org/officeDocument/2006/relationships/ctrlProp" Target="../ctrlProps/ctrlProp90.xml"/><Relationship Id="rId58" Type="http://schemas.openxmlformats.org/officeDocument/2006/relationships/ctrlProp" Target="../ctrlProps/ctrlProp95.xml"/><Relationship Id="rId74" Type="http://schemas.openxmlformats.org/officeDocument/2006/relationships/ctrlProp" Target="../ctrlProps/ctrlProp111.xml"/><Relationship Id="rId79" Type="http://schemas.openxmlformats.org/officeDocument/2006/relationships/ctrlProp" Target="../ctrlProps/ctrlProp116.xml"/><Relationship Id="rId102" Type="http://schemas.openxmlformats.org/officeDocument/2006/relationships/ctrlProp" Target="../ctrlProps/ctrlProp139.xml"/><Relationship Id="rId123" Type="http://schemas.openxmlformats.org/officeDocument/2006/relationships/ctrlProp" Target="../ctrlProps/ctrlProp160.xml"/><Relationship Id="rId5" Type="http://schemas.openxmlformats.org/officeDocument/2006/relationships/ctrlProp" Target="../ctrlProps/ctrlProp42.xml"/><Relationship Id="rId90" Type="http://schemas.openxmlformats.org/officeDocument/2006/relationships/ctrlProp" Target="../ctrlProps/ctrlProp127.xml"/><Relationship Id="rId95" Type="http://schemas.openxmlformats.org/officeDocument/2006/relationships/ctrlProp" Target="../ctrlProps/ctrlProp132.xml"/><Relationship Id="rId22" Type="http://schemas.openxmlformats.org/officeDocument/2006/relationships/ctrlProp" Target="../ctrlProps/ctrlProp59.xml"/><Relationship Id="rId27" Type="http://schemas.openxmlformats.org/officeDocument/2006/relationships/ctrlProp" Target="../ctrlProps/ctrlProp64.xml"/><Relationship Id="rId43" Type="http://schemas.openxmlformats.org/officeDocument/2006/relationships/ctrlProp" Target="../ctrlProps/ctrlProp80.xml"/><Relationship Id="rId48" Type="http://schemas.openxmlformats.org/officeDocument/2006/relationships/ctrlProp" Target="../ctrlProps/ctrlProp85.xml"/><Relationship Id="rId64" Type="http://schemas.openxmlformats.org/officeDocument/2006/relationships/ctrlProp" Target="../ctrlProps/ctrlProp101.xml"/><Relationship Id="rId69" Type="http://schemas.openxmlformats.org/officeDocument/2006/relationships/ctrlProp" Target="../ctrlProps/ctrlProp106.xml"/><Relationship Id="rId113" Type="http://schemas.openxmlformats.org/officeDocument/2006/relationships/ctrlProp" Target="../ctrlProps/ctrlProp150.xml"/><Relationship Id="rId118" Type="http://schemas.openxmlformats.org/officeDocument/2006/relationships/ctrlProp" Target="../ctrlProps/ctrlProp155.xml"/><Relationship Id="rId80" Type="http://schemas.openxmlformats.org/officeDocument/2006/relationships/ctrlProp" Target="../ctrlProps/ctrlProp117.xml"/><Relationship Id="rId85" Type="http://schemas.openxmlformats.org/officeDocument/2006/relationships/ctrlProp" Target="../ctrlProps/ctrlProp122.xml"/><Relationship Id="rId12" Type="http://schemas.openxmlformats.org/officeDocument/2006/relationships/ctrlProp" Target="../ctrlProps/ctrlProp49.xml"/><Relationship Id="rId17" Type="http://schemas.openxmlformats.org/officeDocument/2006/relationships/ctrlProp" Target="../ctrlProps/ctrlProp54.xml"/><Relationship Id="rId33" Type="http://schemas.openxmlformats.org/officeDocument/2006/relationships/ctrlProp" Target="../ctrlProps/ctrlProp70.xml"/><Relationship Id="rId38" Type="http://schemas.openxmlformats.org/officeDocument/2006/relationships/ctrlProp" Target="../ctrlProps/ctrlProp75.xml"/><Relationship Id="rId59" Type="http://schemas.openxmlformats.org/officeDocument/2006/relationships/ctrlProp" Target="../ctrlProps/ctrlProp96.xml"/><Relationship Id="rId103" Type="http://schemas.openxmlformats.org/officeDocument/2006/relationships/ctrlProp" Target="../ctrlProps/ctrlProp140.xml"/><Relationship Id="rId108" Type="http://schemas.openxmlformats.org/officeDocument/2006/relationships/ctrlProp" Target="../ctrlProps/ctrlProp145.xml"/><Relationship Id="rId124" Type="http://schemas.openxmlformats.org/officeDocument/2006/relationships/ctrlProp" Target="../ctrlProps/ctrlProp161.xml"/><Relationship Id="rId54" Type="http://schemas.openxmlformats.org/officeDocument/2006/relationships/ctrlProp" Target="../ctrlProps/ctrlProp91.xml"/><Relationship Id="rId70" Type="http://schemas.openxmlformats.org/officeDocument/2006/relationships/ctrlProp" Target="../ctrlProps/ctrlProp107.xml"/><Relationship Id="rId75" Type="http://schemas.openxmlformats.org/officeDocument/2006/relationships/ctrlProp" Target="../ctrlProps/ctrlProp112.xml"/><Relationship Id="rId91" Type="http://schemas.openxmlformats.org/officeDocument/2006/relationships/ctrlProp" Target="../ctrlProps/ctrlProp128.xml"/><Relationship Id="rId96" Type="http://schemas.openxmlformats.org/officeDocument/2006/relationships/ctrlProp" Target="../ctrlProps/ctrlProp133.xml"/><Relationship Id="rId1" Type="http://schemas.openxmlformats.org/officeDocument/2006/relationships/printerSettings" Target="../printerSettings/printerSettings2.bin"/><Relationship Id="rId6" Type="http://schemas.openxmlformats.org/officeDocument/2006/relationships/ctrlProp" Target="../ctrlProps/ctrlProp43.xml"/><Relationship Id="rId23" Type="http://schemas.openxmlformats.org/officeDocument/2006/relationships/ctrlProp" Target="../ctrlProps/ctrlProp60.xml"/><Relationship Id="rId28" Type="http://schemas.openxmlformats.org/officeDocument/2006/relationships/ctrlProp" Target="../ctrlProps/ctrlProp65.xml"/><Relationship Id="rId49" Type="http://schemas.openxmlformats.org/officeDocument/2006/relationships/ctrlProp" Target="../ctrlProps/ctrlProp86.xml"/><Relationship Id="rId114" Type="http://schemas.openxmlformats.org/officeDocument/2006/relationships/ctrlProp" Target="../ctrlProps/ctrlProp151.xml"/><Relationship Id="rId119" Type="http://schemas.openxmlformats.org/officeDocument/2006/relationships/ctrlProp" Target="../ctrlProps/ctrlProp156.xml"/><Relationship Id="rId44" Type="http://schemas.openxmlformats.org/officeDocument/2006/relationships/ctrlProp" Target="../ctrlProps/ctrlProp81.xml"/><Relationship Id="rId60" Type="http://schemas.openxmlformats.org/officeDocument/2006/relationships/ctrlProp" Target="../ctrlProps/ctrlProp97.xml"/><Relationship Id="rId65" Type="http://schemas.openxmlformats.org/officeDocument/2006/relationships/ctrlProp" Target="../ctrlProps/ctrlProp102.xml"/><Relationship Id="rId81" Type="http://schemas.openxmlformats.org/officeDocument/2006/relationships/ctrlProp" Target="../ctrlProps/ctrlProp118.xml"/><Relationship Id="rId86" Type="http://schemas.openxmlformats.org/officeDocument/2006/relationships/ctrlProp" Target="../ctrlProps/ctrlProp123.xml"/><Relationship Id="rId13" Type="http://schemas.openxmlformats.org/officeDocument/2006/relationships/ctrlProp" Target="../ctrlProps/ctrlProp50.xml"/><Relationship Id="rId18" Type="http://schemas.openxmlformats.org/officeDocument/2006/relationships/ctrlProp" Target="../ctrlProps/ctrlProp55.xml"/><Relationship Id="rId39" Type="http://schemas.openxmlformats.org/officeDocument/2006/relationships/ctrlProp" Target="../ctrlProps/ctrlProp76.xml"/><Relationship Id="rId109" Type="http://schemas.openxmlformats.org/officeDocument/2006/relationships/ctrlProp" Target="../ctrlProps/ctrlProp146.xml"/><Relationship Id="rId34" Type="http://schemas.openxmlformats.org/officeDocument/2006/relationships/ctrlProp" Target="../ctrlProps/ctrlProp71.xml"/><Relationship Id="rId50" Type="http://schemas.openxmlformats.org/officeDocument/2006/relationships/ctrlProp" Target="../ctrlProps/ctrlProp87.xml"/><Relationship Id="rId55" Type="http://schemas.openxmlformats.org/officeDocument/2006/relationships/ctrlProp" Target="../ctrlProps/ctrlProp92.xml"/><Relationship Id="rId76" Type="http://schemas.openxmlformats.org/officeDocument/2006/relationships/ctrlProp" Target="../ctrlProps/ctrlProp113.xml"/><Relationship Id="rId97" Type="http://schemas.openxmlformats.org/officeDocument/2006/relationships/ctrlProp" Target="../ctrlProps/ctrlProp134.xml"/><Relationship Id="rId104" Type="http://schemas.openxmlformats.org/officeDocument/2006/relationships/ctrlProp" Target="../ctrlProps/ctrlProp141.xml"/><Relationship Id="rId120" Type="http://schemas.openxmlformats.org/officeDocument/2006/relationships/ctrlProp" Target="../ctrlProps/ctrlProp157.xml"/><Relationship Id="rId125" Type="http://schemas.openxmlformats.org/officeDocument/2006/relationships/ctrlProp" Target="../ctrlProps/ctrlProp162.xml"/><Relationship Id="rId7" Type="http://schemas.openxmlformats.org/officeDocument/2006/relationships/ctrlProp" Target="../ctrlProps/ctrlProp44.xml"/><Relationship Id="rId71" Type="http://schemas.openxmlformats.org/officeDocument/2006/relationships/ctrlProp" Target="../ctrlProps/ctrlProp108.xml"/><Relationship Id="rId92" Type="http://schemas.openxmlformats.org/officeDocument/2006/relationships/ctrlProp" Target="../ctrlProps/ctrlProp129.xml"/><Relationship Id="rId2" Type="http://schemas.openxmlformats.org/officeDocument/2006/relationships/drawing" Target="../drawings/drawing2.xml"/><Relationship Id="rId29" Type="http://schemas.openxmlformats.org/officeDocument/2006/relationships/ctrlProp" Target="../ctrlProps/ctrlProp66.xml"/><Relationship Id="rId24" Type="http://schemas.openxmlformats.org/officeDocument/2006/relationships/ctrlProp" Target="../ctrlProps/ctrlProp61.xml"/><Relationship Id="rId40" Type="http://schemas.openxmlformats.org/officeDocument/2006/relationships/ctrlProp" Target="../ctrlProps/ctrlProp77.xml"/><Relationship Id="rId45" Type="http://schemas.openxmlformats.org/officeDocument/2006/relationships/ctrlProp" Target="../ctrlProps/ctrlProp82.xml"/><Relationship Id="rId66" Type="http://schemas.openxmlformats.org/officeDocument/2006/relationships/ctrlProp" Target="../ctrlProps/ctrlProp103.xml"/><Relationship Id="rId87" Type="http://schemas.openxmlformats.org/officeDocument/2006/relationships/ctrlProp" Target="../ctrlProps/ctrlProp124.xml"/><Relationship Id="rId110" Type="http://schemas.openxmlformats.org/officeDocument/2006/relationships/ctrlProp" Target="../ctrlProps/ctrlProp147.xml"/><Relationship Id="rId115" Type="http://schemas.openxmlformats.org/officeDocument/2006/relationships/ctrlProp" Target="../ctrlProps/ctrlProp152.xml"/><Relationship Id="rId61" Type="http://schemas.openxmlformats.org/officeDocument/2006/relationships/ctrlProp" Target="../ctrlProps/ctrlProp98.xml"/><Relationship Id="rId82" Type="http://schemas.openxmlformats.org/officeDocument/2006/relationships/ctrlProp" Target="../ctrlProps/ctrlProp119.xml"/><Relationship Id="rId19" Type="http://schemas.openxmlformats.org/officeDocument/2006/relationships/ctrlProp" Target="../ctrlProps/ctrlProp56.xml"/><Relationship Id="rId14" Type="http://schemas.openxmlformats.org/officeDocument/2006/relationships/ctrlProp" Target="../ctrlProps/ctrlProp51.xml"/><Relationship Id="rId30" Type="http://schemas.openxmlformats.org/officeDocument/2006/relationships/ctrlProp" Target="../ctrlProps/ctrlProp67.xml"/><Relationship Id="rId35" Type="http://schemas.openxmlformats.org/officeDocument/2006/relationships/ctrlProp" Target="../ctrlProps/ctrlProp72.xml"/><Relationship Id="rId56" Type="http://schemas.openxmlformats.org/officeDocument/2006/relationships/ctrlProp" Target="../ctrlProps/ctrlProp93.xml"/><Relationship Id="rId77" Type="http://schemas.openxmlformats.org/officeDocument/2006/relationships/ctrlProp" Target="../ctrlProps/ctrlProp114.xml"/><Relationship Id="rId100" Type="http://schemas.openxmlformats.org/officeDocument/2006/relationships/ctrlProp" Target="../ctrlProps/ctrlProp137.xml"/><Relationship Id="rId105" Type="http://schemas.openxmlformats.org/officeDocument/2006/relationships/ctrlProp" Target="../ctrlProps/ctrlProp142.xml"/><Relationship Id="rId126" Type="http://schemas.openxmlformats.org/officeDocument/2006/relationships/ctrlProp" Target="../ctrlProps/ctrlProp163.xml"/><Relationship Id="rId8" Type="http://schemas.openxmlformats.org/officeDocument/2006/relationships/ctrlProp" Target="../ctrlProps/ctrlProp45.xml"/><Relationship Id="rId51" Type="http://schemas.openxmlformats.org/officeDocument/2006/relationships/ctrlProp" Target="../ctrlProps/ctrlProp88.xml"/><Relationship Id="rId72" Type="http://schemas.openxmlformats.org/officeDocument/2006/relationships/ctrlProp" Target="../ctrlProps/ctrlProp109.xml"/><Relationship Id="rId93" Type="http://schemas.openxmlformats.org/officeDocument/2006/relationships/ctrlProp" Target="../ctrlProps/ctrlProp130.xml"/><Relationship Id="rId98" Type="http://schemas.openxmlformats.org/officeDocument/2006/relationships/ctrlProp" Target="../ctrlProps/ctrlProp135.xml"/><Relationship Id="rId121" Type="http://schemas.openxmlformats.org/officeDocument/2006/relationships/ctrlProp" Target="../ctrlProps/ctrlProp158.xml"/><Relationship Id="rId3" Type="http://schemas.openxmlformats.org/officeDocument/2006/relationships/vmlDrawing" Target="../drawings/vmlDrawing2.vml"/><Relationship Id="rId25" Type="http://schemas.openxmlformats.org/officeDocument/2006/relationships/ctrlProp" Target="../ctrlProps/ctrlProp62.xml"/><Relationship Id="rId46" Type="http://schemas.openxmlformats.org/officeDocument/2006/relationships/ctrlProp" Target="../ctrlProps/ctrlProp83.xml"/><Relationship Id="rId67" Type="http://schemas.openxmlformats.org/officeDocument/2006/relationships/ctrlProp" Target="../ctrlProps/ctrlProp104.xml"/><Relationship Id="rId116" Type="http://schemas.openxmlformats.org/officeDocument/2006/relationships/ctrlProp" Target="../ctrlProps/ctrlProp153.xml"/><Relationship Id="rId20" Type="http://schemas.openxmlformats.org/officeDocument/2006/relationships/ctrlProp" Target="../ctrlProps/ctrlProp57.xml"/><Relationship Id="rId41" Type="http://schemas.openxmlformats.org/officeDocument/2006/relationships/ctrlProp" Target="../ctrlProps/ctrlProp78.xml"/><Relationship Id="rId62" Type="http://schemas.openxmlformats.org/officeDocument/2006/relationships/ctrlProp" Target="../ctrlProps/ctrlProp99.xml"/><Relationship Id="rId83" Type="http://schemas.openxmlformats.org/officeDocument/2006/relationships/ctrlProp" Target="../ctrlProps/ctrlProp120.xml"/><Relationship Id="rId88" Type="http://schemas.openxmlformats.org/officeDocument/2006/relationships/ctrlProp" Target="../ctrlProps/ctrlProp125.xml"/><Relationship Id="rId111" Type="http://schemas.openxmlformats.org/officeDocument/2006/relationships/ctrlProp" Target="../ctrlProps/ctrlProp148.xml"/><Relationship Id="rId15" Type="http://schemas.openxmlformats.org/officeDocument/2006/relationships/ctrlProp" Target="../ctrlProps/ctrlProp52.xml"/><Relationship Id="rId36" Type="http://schemas.openxmlformats.org/officeDocument/2006/relationships/ctrlProp" Target="../ctrlProps/ctrlProp73.xml"/><Relationship Id="rId57" Type="http://schemas.openxmlformats.org/officeDocument/2006/relationships/ctrlProp" Target="../ctrlProps/ctrlProp94.xml"/><Relationship Id="rId106" Type="http://schemas.openxmlformats.org/officeDocument/2006/relationships/ctrlProp" Target="../ctrlProps/ctrlProp143.xml"/><Relationship Id="rId10" Type="http://schemas.openxmlformats.org/officeDocument/2006/relationships/ctrlProp" Target="../ctrlProps/ctrlProp47.xml"/><Relationship Id="rId31" Type="http://schemas.openxmlformats.org/officeDocument/2006/relationships/ctrlProp" Target="../ctrlProps/ctrlProp68.xml"/><Relationship Id="rId52" Type="http://schemas.openxmlformats.org/officeDocument/2006/relationships/ctrlProp" Target="../ctrlProps/ctrlProp89.xml"/><Relationship Id="rId73" Type="http://schemas.openxmlformats.org/officeDocument/2006/relationships/ctrlProp" Target="../ctrlProps/ctrlProp110.xml"/><Relationship Id="rId78" Type="http://schemas.openxmlformats.org/officeDocument/2006/relationships/ctrlProp" Target="../ctrlProps/ctrlProp115.xml"/><Relationship Id="rId94" Type="http://schemas.openxmlformats.org/officeDocument/2006/relationships/ctrlProp" Target="../ctrlProps/ctrlProp131.xml"/><Relationship Id="rId99" Type="http://schemas.openxmlformats.org/officeDocument/2006/relationships/ctrlProp" Target="../ctrlProps/ctrlProp136.xml"/><Relationship Id="rId101" Type="http://schemas.openxmlformats.org/officeDocument/2006/relationships/ctrlProp" Target="../ctrlProps/ctrlProp138.xml"/><Relationship Id="rId122" Type="http://schemas.openxmlformats.org/officeDocument/2006/relationships/ctrlProp" Target="../ctrlProps/ctrlProp159.xml"/><Relationship Id="rId4" Type="http://schemas.openxmlformats.org/officeDocument/2006/relationships/ctrlProp" Target="../ctrlProps/ctrlProp41.xml"/><Relationship Id="rId9" Type="http://schemas.openxmlformats.org/officeDocument/2006/relationships/ctrlProp" Target="../ctrlProps/ctrlProp46.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3.vml"/><Relationship Id="rId7" Type="http://schemas.openxmlformats.org/officeDocument/2006/relationships/ctrlProp" Target="../ctrlProps/ctrlProp167.xml"/><Relationship Id="rId2" Type="http://schemas.openxmlformats.org/officeDocument/2006/relationships/drawing" Target="../drawings/drawing3.xml"/><Relationship Id="rId1" Type="http://schemas.openxmlformats.org/officeDocument/2006/relationships/printerSettings" Target="../printerSettings/printerSettings4.bin"/><Relationship Id="rId6" Type="http://schemas.openxmlformats.org/officeDocument/2006/relationships/ctrlProp" Target="../ctrlProps/ctrlProp166.xml"/><Relationship Id="rId5" Type="http://schemas.openxmlformats.org/officeDocument/2006/relationships/ctrlProp" Target="../ctrlProps/ctrlProp165.xml"/><Relationship Id="rId4" Type="http://schemas.openxmlformats.org/officeDocument/2006/relationships/ctrlProp" Target="../ctrlProps/ctrlProp164.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B06E00E-A3CF-4771-8DAB-64B5B97314A6}">
  <sheetPr>
    <tabColor rgb="FFFF0000"/>
    <pageSetUpPr fitToPage="1"/>
  </sheetPr>
  <dimension ref="A1:FF250"/>
  <sheetViews>
    <sheetView showGridLines="0" view="pageBreakPreview" topLeftCell="A94" zoomScale="80" zoomScaleNormal="100" zoomScaleSheetLayoutView="80" workbookViewId="0">
      <selection activeCell="DQ33" sqref="DQ33"/>
    </sheetView>
  </sheetViews>
  <sheetFormatPr defaultColWidth="1.25" defaultRowHeight="7.5" customHeight="1" x14ac:dyDescent="0.55000000000000004"/>
  <cols>
    <col min="1" max="1" width="1.75" style="1" customWidth="1"/>
    <col min="2" max="59" width="1" style="1" customWidth="1"/>
    <col min="60" max="60" width="2.6640625" style="1" customWidth="1"/>
    <col min="61" max="71" width="1" style="1" customWidth="1"/>
    <col min="72" max="72" width="0.9140625" style="1" customWidth="1"/>
    <col min="73" max="82" width="1" style="1" customWidth="1"/>
    <col min="83" max="83" width="2.1640625" style="1" customWidth="1"/>
    <col min="84" max="16384" width="1.25" style="1"/>
  </cols>
  <sheetData>
    <row r="1" spans="1:95" ht="7.5" customHeight="1" x14ac:dyDescent="0.55000000000000004">
      <c r="A1" s="292" t="s">
        <v>98</v>
      </c>
      <c r="B1" s="292"/>
      <c r="C1" s="292"/>
      <c r="D1" s="292"/>
      <c r="E1" s="292"/>
      <c r="F1" s="292"/>
      <c r="G1" s="292"/>
      <c r="H1" s="292"/>
      <c r="I1" s="292"/>
      <c r="J1" s="292"/>
      <c r="K1" s="292"/>
      <c r="L1" s="292"/>
      <c r="M1" s="292"/>
      <c r="N1" s="292"/>
      <c r="O1" s="292"/>
      <c r="P1" s="292"/>
    </row>
    <row r="2" spans="1:95" ht="7.5" customHeight="1" x14ac:dyDescent="0.55000000000000004">
      <c r="A2" s="292"/>
      <c r="B2" s="292"/>
      <c r="C2" s="292"/>
      <c r="D2" s="292"/>
      <c r="E2" s="292"/>
      <c r="F2" s="292"/>
      <c r="G2" s="292"/>
      <c r="H2" s="292"/>
      <c r="I2" s="292"/>
      <c r="J2" s="292"/>
      <c r="K2" s="292"/>
      <c r="L2" s="292"/>
      <c r="M2" s="292"/>
      <c r="N2" s="292"/>
      <c r="O2" s="292"/>
      <c r="P2" s="292"/>
    </row>
    <row r="3" spans="1:95" ht="7.5" customHeight="1" x14ac:dyDescent="0.55000000000000004">
      <c r="A3" s="293" t="s">
        <v>0</v>
      </c>
      <c r="B3" s="293"/>
      <c r="C3" s="293"/>
      <c r="D3" s="293"/>
      <c r="E3" s="293"/>
      <c r="F3" s="293"/>
      <c r="G3" s="293"/>
      <c r="H3" s="293"/>
      <c r="I3" s="293"/>
      <c r="J3" s="293"/>
      <c r="K3" s="293"/>
      <c r="L3" s="293"/>
      <c r="M3" s="293"/>
      <c r="N3" s="293"/>
      <c r="O3" s="293"/>
      <c r="P3" s="293"/>
      <c r="Q3" s="293"/>
      <c r="R3" s="293"/>
      <c r="S3" s="293"/>
      <c r="T3" s="293"/>
      <c r="U3" s="293"/>
      <c r="V3" s="293"/>
      <c r="W3" s="293"/>
      <c r="X3" s="293"/>
      <c r="Y3" s="293"/>
      <c r="Z3" s="293"/>
      <c r="AA3" s="293"/>
      <c r="AB3" s="293"/>
      <c r="AC3" s="293"/>
      <c r="AD3" s="293"/>
      <c r="AE3" s="293"/>
      <c r="AF3" s="293"/>
      <c r="AG3" s="293"/>
      <c r="AH3" s="293"/>
      <c r="AI3" s="293"/>
      <c r="AJ3" s="293"/>
      <c r="AK3" s="293"/>
      <c r="AL3" s="293"/>
      <c r="AM3" s="293"/>
      <c r="AN3" s="293"/>
      <c r="AO3" s="293"/>
      <c r="AP3" s="293"/>
      <c r="AQ3" s="293"/>
      <c r="AR3" s="293"/>
      <c r="AS3" s="293"/>
      <c r="AT3" s="293"/>
      <c r="AU3" s="293"/>
      <c r="AV3" s="293"/>
      <c r="AW3" s="293"/>
      <c r="AX3" s="293"/>
      <c r="AY3" s="293"/>
      <c r="AZ3" s="293"/>
      <c r="BA3" s="293"/>
      <c r="BB3" s="293"/>
      <c r="BC3" s="293"/>
      <c r="BD3" s="293"/>
      <c r="BE3" s="293"/>
      <c r="BF3" s="293"/>
      <c r="BG3" s="293"/>
      <c r="BH3" s="293"/>
      <c r="BI3" s="293"/>
      <c r="BJ3" s="293"/>
      <c r="BK3" s="293"/>
      <c r="BL3" s="293"/>
      <c r="BM3" s="293"/>
      <c r="BN3" s="293"/>
      <c r="BO3" s="293"/>
      <c r="BP3" s="293"/>
      <c r="BQ3" s="293"/>
      <c r="BR3" s="293"/>
      <c r="BS3" s="293"/>
      <c r="BT3" s="293"/>
      <c r="BU3" s="293"/>
      <c r="BV3" s="293"/>
      <c r="BW3" s="293"/>
      <c r="BX3" s="293"/>
      <c r="BY3" s="293"/>
      <c r="BZ3" s="293"/>
      <c r="CA3" s="293"/>
      <c r="CB3" s="293"/>
      <c r="CC3" s="293"/>
      <c r="CD3" s="293"/>
      <c r="CE3" s="293"/>
      <c r="CF3" s="293"/>
      <c r="CG3" s="293"/>
      <c r="CH3" s="293"/>
      <c r="CI3" s="293"/>
      <c r="CJ3" s="293"/>
      <c r="CK3" s="293"/>
      <c r="CL3" s="293"/>
      <c r="CM3" s="293"/>
      <c r="CN3" s="293"/>
    </row>
    <row r="4" spans="1:95" ht="7.5" customHeight="1" x14ac:dyDescent="0.55000000000000004">
      <c r="A4" s="293"/>
      <c r="B4" s="293"/>
      <c r="C4" s="293"/>
      <c r="D4" s="293"/>
      <c r="E4" s="293"/>
      <c r="F4" s="293"/>
      <c r="G4" s="293"/>
      <c r="H4" s="293"/>
      <c r="I4" s="293"/>
      <c r="J4" s="293"/>
      <c r="K4" s="293"/>
      <c r="L4" s="293"/>
      <c r="M4" s="293"/>
      <c r="N4" s="293"/>
      <c r="O4" s="293"/>
      <c r="P4" s="293"/>
      <c r="Q4" s="293"/>
      <c r="R4" s="293"/>
      <c r="S4" s="293"/>
      <c r="T4" s="293"/>
      <c r="U4" s="293"/>
      <c r="V4" s="293"/>
      <c r="W4" s="293"/>
      <c r="X4" s="293"/>
      <c r="Y4" s="293"/>
      <c r="Z4" s="293"/>
      <c r="AA4" s="293"/>
      <c r="AB4" s="293"/>
      <c r="AC4" s="293"/>
      <c r="AD4" s="293"/>
      <c r="AE4" s="293"/>
      <c r="AF4" s="293"/>
      <c r="AG4" s="293"/>
      <c r="AH4" s="293"/>
      <c r="AI4" s="293"/>
      <c r="AJ4" s="293"/>
      <c r="AK4" s="293"/>
      <c r="AL4" s="293"/>
      <c r="AM4" s="293"/>
      <c r="AN4" s="293"/>
      <c r="AO4" s="293"/>
      <c r="AP4" s="293"/>
      <c r="AQ4" s="293"/>
      <c r="AR4" s="293"/>
      <c r="AS4" s="293"/>
      <c r="AT4" s="293"/>
      <c r="AU4" s="293"/>
      <c r="AV4" s="293"/>
      <c r="AW4" s="293"/>
      <c r="AX4" s="293"/>
      <c r="AY4" s="293"/>
      <c r="AZ4" s="293"/>
      <c r="BA4" s="293"/>
      <c r="BB4" s="293"/>
      <c r="BC4" s="293"/>
      <c r="BD4" s="293"/>
      <c r="BE4" s="293"/>
      <c r="BF4" s="293"/>
      <c r="BG4" s="293"/>
      <c r="BH4" s="293"/>
      <c r="BI4" s="293"/>
      <c r="BJ4" s="293"/>
      <c r="BK4" s="293"/>
      <c r="BL4" s="293"/>
      <c r="BM4" s="293"/>
      <c r="BN4" s="293"/>
      <c r="BO4" s="293"/>
      <c r="BP4" s="293"/>
      <c r="BQ4" s="293"/>
      <c r="BR4" s="293"/>
      <c r="BS4" s="293"/>
      <c r="BT4" s="293"/>
      <c r="BU4" s="293"/>
      <c r="BV4" s="293"/>
      <c r="BW4" s="293"/>
      <c r="BX4" s="293"/>
      <c r="BY4" s="293"/>
      <c r="BZ4" s="293"/>
      <c r="CA4" s="293"/>
      <c r="CB4" s="293"/>
      <c r="CC4" s="293"/>
      <c r="CD4" s="293"/>
      <c r="CE4" s="293"/>
      <c r="CF4" s="293"/>
      <c r="CG4" s="293"/>
      <c r="CH4" s="293"/>
      <c r="CI4" s="293"/>
      <c r="CJ4" s="293"/>
      <c r="CK4" s="293"/>
      <c r="CL4" s="293"/>
      <c r="CM4" s="293"/>
      <c r="CN4" s="293"/>
    </row>
    <row r="5" spans="1:95" ht="7.5" customHeight="1" x14ac:dyDescent="0.55000000000000004">
      <c r="A5" s="293"/>
      <c r="B5" s="293"/>
      <c r="C5" s="293"/>
      <c r="D5" s="293"/>
      <c r="E5" s="293"/>
      <c r="F5" s="293"/>
      <c r="G5" s="293"/>
      <c r="H5" s="293"/>
      <c r="I5" s="293"/>
      <c r="J5" s="293"/>
      <c r="K5" s="293"/>
      <c r="L5" s="293"/>
      <c r="M5" s="293"/>
      <c r="N5" s="293"/>
      <c r="O5" s="293"/>
      <c r="P5" s="293"/>
      <c r="Q5" s="293"/>
      <c r="R5" s="293"/>
      <c r="S5" s="293"/>
      <c r="T5" s="293"/>
      <c r="U5" s="293"/>
      <c r="V5" s="293"/>
      <c r="W5" s="293"/>
      <c r="X5" s="293"/>
      <c r="Y5" s="293"/>
      <c r="Z5" s="293"/>
      <c r="AA5" s="293"/>
      <c r="AB5" s="293"/>
      <c r="AC5" s="293"/>
      <c r="AD5" s="293"/>
      <c r="AE5" s="293"/>
      <c r="AF5" s="293"/>
      <c r="AG5" s="293"/>
      <c r="AH5" s="293"/>
      <c r="AI5" s="293"/>
      <c r="AJ5" s="293"/>
      <c r="AK5" s="293"/>
      <c r="AL5" s="293"/>
      <c r="AM5" s="293"/>
      <c r="AN5" s="293"/>
      <c r="AO5" s="293"/>
      <c r="AP5" s="293"/>
      <c r="AQ5" s="293"/>
      <c r="AR5" s="293"/>
      <c r="AS5" s="293"/>
      <c r="AT5" s="293"/>
      <c r="AU5" s="293"/>
      <c r="AV5" s="293"/>
      <c r="AW5" s="293"/>
      <c r="AX5" s="293"/>
      <c r="AY5" s="293"/>
      <c r="AZ5" s="293"/>
      <c r="BA5" s="293"/>
      <c r="BB5" s="293"/>
      <c r="BC5" s="293"/>
      <c r="BD5" s="293"/>
      <c r="BE5" s="293"/>
      <c r="BF5" s="293"/>
      <c r="BG5" s="293"/>
      <c r="BH5" s="293"/>
      <c r="BI5" s="293"/>
      <c r="BJ5" s="293"/>
      <c r="BK5" s="293"/>
      <c r="BL5" s="293"/>
      <c r="BM5" s="293"/>
      <c r="BN5" s="293"/>
      <c r="BO5" s="293"/>
      <c r="BP5" s="293"/>
      <c r="BQ5" s="293"/>
      <c r="BR5" s="293"/>
      <c r="BS5" s="293"/>
      <c r="BT5" s="293"/>
      <c r="BU5" s="293"/>
      <c r="BV5" s="293"/>
      <c r="BW5" s="293"/>
      <c r="BX5" s="293"/>
      <c r="BY5" s="293"/>
      <c r="BZ5" s="293"/>
      <c r="CA5" s="293"/>
      <c r="CB5" s="293"/>
      <c r="CC5" s="293"/>
      <c r="CD5" s="293"/>
      <c r="CE5" s="293"/>
      <c r="CF5" s="293"/>
      <c r="CG5" s="293"/>
      <c r="CH5" s="293"/>
      <c r="CI5" s="293"/>
      <c r="CJ5" s="293"/>
      <c r="CK5" s="293"/>
      <c r="CL5" s="293"/>
      <c r="CM5" s="293"/>
      <c r="CN5" s="293"/>
    </row>
    <row r="6" spans="1:95" ht="27" customHeight="1" x14ac:dyDescent="0.55000000000000004">
      <c r="A6" s="293" t="s">
        <v>1</v>
      </c>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3"/>
      <c r="AL6" s="293"/>
      <c r="AM6" s="293"/>
      <c r="AN6" s="293"/>
      <c r="AO6" s="293"/>
      <c r="AP6" s="293"/>
      <c r="AQ6" s="293"/>
      <c r="AR6" s="293"/>
      <c r="AS6" s="293"/>
      <c r="AT6" s="293"/>
      <c r="AU6" s="293"/>
      <c r="AV6" s="293"/>
      <c r="AW6" s="293"/>
      <c r="AX6" s="293"/>
      <c r="AY6" s="293"/>
      <c r="AZ6" s="293"/>
      <c r="BA6" s="293"/>
      <c r="BB6" s="293"/>
      <c r="BC6" s="293"/>
      <c r="BD6" s="293"/>
      <c r="BE6" s="293"/>
      <c r="BF6" s="293"/>
      <c r="BG6" s="293"/>
      <c r="BH6" s="293"/>
      <c r="BI6" s="293"/>
      <c r="BJ6" s="293"/>
      <c r="BK6" s="293"/>
      <c r="BL6" s="293"/>
      <c r="BM6" s="293"/>
      <c r="BN6" s="293"/>
      <c r="BO6" s="293"/>
      <c r="BP6" s="293"/>
      <c r="BQ6" s="293"/>
      <c r="BR6" s="293"/>
      <c r="BS6" s="293"/>
      <c r="BT6" s="293"/>
      <c r="BU6" s="293"/>
      <c r="BV6" s="293"/>
      <c r="BW6" s="293"/>
      <c r="BX6" s="293"/>
      <c r="BY6" s="293"/>
      <c r="BZ6" s="293"/>
      <c r="CA6" s="293"/>
      <c r="CB6" s="293"/>
      <c r="CC6" s="293"/>
      <c r="CD6" s="293"/>
      <c r="CE6" s="293"/>
      <c r="CF6" s="293"/>
      <c r="CG6" s="293"/>
      <c r="CH6" s="293"/>
      <c r="CI6" s="293"/>
      <c r="CJ6" s="293"/>
      <c r="CK6" s="293"/>
      <c r="CL6" s="293"/>
      <c r="CM6" s="293"/>
      <c r="CN6" s="293"/>
    </row>
    <row r="7" spans="1:95" ht="7.4" customHeight="1" x14ac:dyDescent="0.55000000000000004">
      <c r="S7" s="2"/>
      <c r="T7" s="2"/>
      <c r="U7" s="2"/>
      <c r="V7" s="2"/>
      <c r="W7" s="2"/>
      <c r="X7" s="2"/>
      <c r="Y7" s="2"/>
      <c r="Z7" s="2"/>
      <c r="AA7" s="2"/>
      <c r="AB7" s="2"/>
      <c r="AC7" s="2"/>
      <c r="AD7" s="2"/>
      <c r="AE7" s="2"/>
      <c r="AF7" s="2"/>
      <c r="AG7" s="2"/>
      <c r="AH7" s="2"/>
      <c r="AI7" s="2"/>
      <c r="AJ7" s="2"/>
      <c r="AK7" s="2"/>
      <c r="AL7" s="2"/>
      <c r="AM7" s="2"/>
      <c r="AN7" s="2"/>
      <c r="AO7" s="2"/>
      <c r="AP7" s="2"/>
      <c r="AQ7" s="2"/>
      <c r="AR7" s="2"/>
      <c r="AS7" s="2"/>
      <c r="AT7" s="2"/>
      <c r="AU7" s="2"/>
      <c r="AV7" s="2"/>
      <c r="AW7" s="2"/>
    </row>
    <row r="8" spans="1:95" ht="9.65" customHeight="1" x14ac:dyDescent="0.55000000000000004">
      <c r="A8" s="294" t="s">
        <v>2</v>
      </c>
      <c r="B8" s="294"/>
      <c r="C8" s="294"/>
      <c r="D8" s="294"/>
      <c r="E8" s="294"/>
      <c r="F8" s="294"/>
      <c r="G8" s="294"/>
      <c r="H8" s="294"/>
      <c r="I8" s="294"/>
      <c r="J8" s="294"/>
      <c r="K8" s="294"/>
      <c r="L8" s="294"/>
      <c r="M8" s="294"/>
      <c r="N8" s="294"/>
      <c r="O8" s="294"/>
      <c r="P8" s="294"/>
      <c r="Q8" s="294"/>
      <c r="R8" s="294"/>
      <c r="S8" s="2"/>
      <c r="T8" s="2"/>
      <c r="U8" s="2"/>
      <c r="V8" s="2"/>
      <c r="W8" s="2"/>
      <c r="X8" s="2"/>
      <c r="Y8" s="2"/>
      <c r="Z8" s="2"/>
      <c r="AA8" s="2"/>
      <c r="AB8" s="2"/>
      <c r="AC8" s="2"/>
      <c r="AD8" s="2"/>
      <c r="AE8" s="2"/>
      <c r="AF8" s="2"/>
      <c r="AG8" s="2"/>
      <c r="AH8" s="2"/>
      <c r="AI8" s="2"/>
      <c r="AJ8" s="2"/>
      <c r="AK8" s="2"/>
      <c r="AL8" s="2"/>
      <c r="AM8" s="2"/>
      <c r="AN8" s="2"/>
      <c r="AO8" s="2"/>
      <c r="BV8" s="295"/>
      <c r="BW8" s="295"/>
      <c r="BX8" s="295"/>
      <c r="BY8" s="295"/>
      <c r="BZ8" s="295"/>
      <c r="CA8" s="295"/>
      <c r="CB8" s="295"/>
      <c r="CC8" s="295"/>
      <c r="CD8" s="295"/>
      <c r="CE8" s="295"/>
      <c r="CF8" s="295"/>
      <c r="CG8" s="295"/>
      <c r="CH8" s="295"/>
      <c r="CI8" s="295"/>
      <c r="CJ8" s="295"/>
      <c r="CK8" s="295"/>
      <c r="CL8" s="295"/>
      <c r="CM8" s="295"/>
      <c r="CN8" s="295"/>
      <c r="CO8" s="295"/>
      <c r="CP8" s="295"/>
      <c r="CQ8" s="295"/>
    </row>
    <row r="9" spans="1:95" ht="5.25" customHeight="1" x14ac:dyDescent="0.55000000000000004">
      <c r="A9" s="294"/>
      <c r="B9" s="294"/>
      <c r="C9" s="294"/>
      <c r="D9" s="294"/>
      <c r="E9" s="294"/>
      <c r="F9" s="294"/>
      <c r="G9" s="294"/>
      <c r="H9" s="294"/>
      <c r="I9" s="294"/>
      <c r="J9" s="294"/>
      <c r="K9" s="294"/>
      <c r="L9" s="294"/>
      <c r="M9" s="294"/>
      <c r="N9" s="294"/>
      <c r="O9" s="294"/>
      <c r="P9" s="294"/>
      <c r="Q9" s="294"/>
      <c r="R9" s="294"/>
      <c r="S9" s="2"/>
      <c r="T9" s="2"/>
      <c r="U9" s="2"/>
      <c r="V9" s="2"/>
      <c r="W9" s="2"/>
      <c r="X9" s="2"/>
      <c r="Y9" s="2"/>
      <c r="Z9" s="2"/>
      <c r="AA9" s="2"/>
      <c r="AB9" s="2"/>
      <c r="AC9" s="2"/>
      <c r="AD9" s="2"/>
      <c r="AE9" s="2"/>
      <c r="AF9" s="2"/>
      <c r="AG9" s="2"/>
      <c r="AH9" s="2"/>
      <c r="AI9" s="2"/>
      <c r="AJ9" s="2"/>
      <c r="AK9" s="2"/>
      <c r="AL9" s="2"/>
      <c r="AM9" s="2"/>
      <c r="AN9" s="2"/>
      <c r="AO9" s="2"/>
      <c r="BL9" s="2"/>
      <c r="BM9" s="2"/>
      <c r="BN9" s="2"/>
      <c r="BO9" s="2"/>
      <c r="BP9" s="2"/>
      <c r="BQ9" s="2"/>
      <c r="BV9" s="295"/>
      <c r="BW9" s="295"/>
      <c r="BX9" s="295"/>
      <c r="BY9" s="295"/>
      <c r="BZ9" s="295"/>
      <c r="CA9" s="295"/>
      <c r="CB9" s="295"/>
      <c r="CC9" s="295"/>
      <c r="CD9" s="295"/>
      <c r="CE9" s="295"/>
      <c r="CF9" s="295"/>
      <c r="CG9" s="295"/>
      <c r="CH9" s="295"/>
      <c r="CI9" s="295"/>
      <c r="CJ9" s="295"/>
      <c r="CK9" s="295"/>
      <c r="CL9" s="295"/>
      <c r="CM9" s="295"/>
      <c r="CN9" s="295"/>
      <c r="CO9" s="295"/>
      <c r="CP9" s="295"/>
      <c r="CQ9" s="295"/>
    </row>
    <row r="10" spans="1:95" ht="27.75" customHeight="1" x14ac:dyDescent="0.2">
      <c r="A10" s="3"/>
      <c r="B10" s="4"/>
      <c r="C10" s="4"/>
      <c r="D10" s="4"/>
      <c r="BN10" s="296" t="s">
        <v>4</v>
      </c>
      <c r="BO10" s="296"/>
      <c r="BP10" s="296"/>
      <c r="BQ10" s="296"/>
      <c r="BR10" s="296"/>
      <c r="BS10" s="296"/>
      <c r="BT10" s="296"/>
      <c r="BU10" s="296"/>
      <c r="BV10" s="296"/>
      <c r="BW10" s="296"/>
      <c r="BX10" s="296"/>
      <c r="BY10" s="296"/>
      <c r="BZ10" s="296"/>
      <c r="CA10" s="296"/>
      <c r="CB10" s="296"/>
      <c r="CC10" s="296"/>
      <c r="CD10" s="296"/>
      <c r="CE10" s="296"/>
      <c r="CF10" s="296"/>
      <c r="CG10" s="296"/>
      <c r="CH10" s="296"/>
      <c r="CI10" s="296"/>
      <c r="CJ10" s="296"/>
      <c r="CK10" s="296"/>
      <c r="CL10" s="296"/>
      <c r="CM10" s="296"/>
      <c r="CN10" s="296"/>
      <c r="CO10" s="296"/>
      <c r="CP10" s="296"/>
      <c r="CQ10" s="296"/>
    </row>
    <row r="11" spans="1:95" ht="7.5" customHeight="1" x14ac:dyDescent="0.2">
      <c r="A11" s="3"/>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P11" s="5"/>
      <c r="AQ11" s="5"/>
      <c r="AR11" s="5"/>
      <c r="AS11" s="5"/>
      <c r="AT11" s="5"/>
      <c r="AU11" s="5"/>
      <c r="AV11" s="5"/>
      <c r="AW11" s="5"/>
      <c r="AX11" s="5"/>
      <c r="AY11" s="5"/>
      <c r="AZ11" s="5"/>
      <c r="BA11" s="5"/>
      <c r="BB11" s="5"/>
      <c r="BC11" s="5"/>
      <c r="BD11" s="5"/>
      <c r="BE11" s="5"/>
      <c r="BF11" s="5"/>
      <c r="BG11" s="5"/>
      <c r="BH11" s="5"/>
      <c r="BI11" s="5"/>
      <c r="BJ11" s="5"/>
      <c r="BK11" s="5"/>
      <c r="BL11" s="5"/>
      <c r="BM11" s="5"/>
      <c r="BN11" s="5"/>
      <c r="BO11" s="5"/>
      <c r="BP11" s="5"/>
      <c r="BQ11" s="5"/>
      <c r="BR11" s="5"/>
      <c r="BS11" s="5"/>
      <c r="BT11" s="6"/>
      <c r="BU11" s="6"/>
      <c r="BV11" s="6"/>
      <c r="BW11" s="6"/>
      <c r="BX11" s="6"/>
      <c r="BY11" s="6"/>
      <c r="BZ11" s="6"/>
      <c r="CA11" s="6"/>
      <c r="CB11" s="6"/>
      <c r="CC11" s="6"/>
      <c r="CD11" s="6"/>
      <c r="CE11" s="6"/>
      <c r="CF11" s="6"/>
      <c r="CG11" s="6"/>
      <c r="CH11" s="6"/>
      <c r="CI11" s="6"/>
      <c r="CJ11" s="6"/>
      <c r="CK11" s="6"/>
      <c r="CL11" s="6"/>
      <c r="CM11" s="6"/>
      <c r="CN11" s="6"/>
    </row>
    <row r="12" spans="1:95" ht="7.5" customHeight="1" x14ac:dyDescent="0.55000000000000004">
      <c r="A12" s="291" t="s">
        <v>5</v>
      </c>
      <c r="B12" s="291"/>
      <c r="C12" s="291"/>
      <c r="D12" s="291"/>
      <c r="E12" s="291"/>
      <c r="F12" s="291"/>
      <c r="G12" s="291"/>
      <c r="H12" s="291"/>
      <c r="I12" s="291"/>
      <c r="J12" s="291"/>
      <c r="K12" s="291"/>
      <c r="L12" s="291"/>
      <c r="M12" s="291"/>
      <c r="N12" s="291"/>
      <c r="O12" s="291"/>
      <c r="P12" s="291"/>
      <c r="Q12" s="291"/>
      <c r="R12" s="291"/>
      <c r="S12" s="291"/>
      <c r="T12" s="291"/>
      <c r="U12" s="291"/>
      <c r="V12" s="291"/>
      <c r="W12" s="291"/>
      <c r="X12" s="291"/>
      <c r="Y12" s="291"/>
      <c r="Z12" s="291"/>
      <c r="AA12" s="291"/>
      <c r="AB12" s="291"/>
      <c r="AC12" s="291"/>
      <c r="AD12" s="291"/>
      <c r="AE12" s="291"/>
      <c r="AF12" s="291"/>
      <c r="AG12" s="291"/>
      <c r="AH12" s="291"/>
      <c r="AI12" s="291"/>
      <c r="AJ12" s="291"/>
      <c r="AK12" s="291"/>
      <c r="AL12" s="291"/>
      <c r="AM12" s="291"/>
      <c r="AN12" s="291"/>
      <c r="AO12" s="291"/>
      <c r="AP12" s="291"/>
      <c r="AQ12" s="291"/>
      <c r="AR12" s="291"/>
      <c r="AS12" s="291"/>
      <c r="AT12" s="291"/>
      <c r="AU12" s="291"/>
      <c r="AV12" s="291"/>
      <c r="AW12" s="291"/>
      <c r="AX12" s="291"/>
      <c r="AY12" s="291"/>
      <c r="AZ12" s="291"/>
      <c r="BA12" s="291"/>
      <c r="BB12" s="291"/>
      <c r="BC12" s="291"/>
      <c r="BD12" s="291"/>
      <c r="BE12" s="291"/>
      <c r="BF12" s="291"/>
      <c r="BG12" s="291"/>
      <c r="BH12" s="291"/>
      <c r="BI12" s="291"/>
      <c r="BJ12" s="291"/>
      <c r="BK12" s="291"/>
      <c r="BL12" s="291"/>
      <c r="BM12" s="291"/>
      <c r="BN12" s="291"/>
      <c r="BO12" s="291"/>
      <c r="BP12" s="291"/>
      <c r="BQ12" s="291"/>
      <c r="BR12" s="291"/>
      <c r="BS12" s="291"/>
      <c r="BT12" s="291"/>
      <c r="BU12" s="291"/>
      <c r="BV12" s="291"/>
      <c r="BW12" s="291"/>
      <c r="BX12" s="291"/>
      <c r="BY12" s="291"/>
      <c r="BZ12" s="291"/>
      <c r="CA12" s="291"/>
      <c r="CB12" s="291"/>
      <c r="CC12" s="291"/>
      <c r="CD12" s="291"/>
      <c r="CE12" s="291"/>
      <c r="CF12" s="291"/>
      <c r="CG12" s="291"/>
      <c r="CH12" s="291"/>
      <c r="CI12" s="291"/>
      <c r="CJ12" s="291"/>
      <c r="CK12" s="291"/>
      <c r="CL12" s="291"/>
      <c r="CM12" s="291"/>
    </row>
    <row r="13" spans="1:95" ht="7.5" customHeight="1" x14ac:dyDescent="0.55000000000000004">
      <c r="A13" s="291"/>
      <c r="B13" s="291"/>
      <c r="C13" s="291"/>
      <c r="D13" s="291"/>
      <c r="E13" s="291"/>
      <c r="F13" s="291"/>
      <c r="G13" s="291"/>
      <c r="H13" s="291"/>
      <c r="I13" s="291"/>
      <c r="J13" s="291"/>
      <c r="K13" s="291"/>
      <c r="L13" s="291"/>
      <c r="M13" s="291"/>
      <c r="N13" s="291"/>
      <c r="O13" s="291"/>
      <c r="P13" s="291"/>
      <c r="Q13" s="291"/>
      <c r="R13" s="291"/>
      <c r="S13" s="291"/>
      <c r="T13" s="291"/>
      <c r="U13" s="291"/>
      <c r="V13" s="291"/>
      <c r="W13" s="291"/>
      <c r="X13" s="291"/>
      <c r="Y13" s="291"/>
      <c r="Z13" s="291"/>
      <c r="AA13" s="291"/>
      <c r="AB13" s="291"/>
      <c r="AC13" s="291"/>
      <c r="AD13" s="291"/>
      <c r="AE13" s="291"/>
      <c r="AF13" s="291"/>
      <c r="AG13" s="291"/>
      <c r="AH13" s="291"/>
      <c r="AI13" s="291"/>
      <c r="AJ13" s="291"/>
      <c r="AK13" s="291"/>
      <c r="AL13" s="291"/>
      <c r="AM13" s="291"/>
      <c r="AN13" s="291"/>
      <c r="AO13" s="291"/>
      <c r="AP13" s="291"/>
      <c r="AQ13" s="291"/>
      <c r="AR13" s="291"/>
      <c r="AS13" s="291"/>
      <c r="AT13" s="291"/>
      <c r="AU13" s="291"/>
      <c r="AV13" s="291"/>
      <c r="AW13" s="291"/>
      <c r="AX13" s="291"/>
      <c r="AY13" s="291"/>
      <c r="AZ13" s="291"/>
      <c r="BA13" s="291"/>
      <c r="BB13" s="291"/>
      <c r="BC13" s="291"/>
      <c r="BD13" s="291"/>
      <c r="BE13" s="291"/>
      <c r="BF13" s="291"/>
      <c r="BG13" s="291"/>
      <c r="BH13" s="291"/>
      <c r="BI13" s="291"/>
      <c r="BJ13" s="291"/>
      <c r="BK13" s="291"/>
      <c r="BL13" s="291"/>
      <c r="BM13" s="291"/>
      <c r="BN13" s="291"/>
      <c r="BO13" s="291"/>
      <c r="BP13" s="291"/>
      <c r="BQ13" s="291"/>
      <c r="BR13" s="291"/>
      <c r="BS13" s="291"/>
      <c r="BT13" s="291"/>
      <c r="BU13" s="291"/>
      <c r="BV13" s="291"/>
      <c r="BW13" s="291"/>
      <c r="BX13" s="291"/>
      <c r="BY13" s="291"/>
      <c r="BZ13" s="291"/>
      <c r="CA13" s="291"/>
      <c r="CB13" s="291"/>
      <c r="CC13" s="291"/>
      <c r="CD13" s="291"/>
      <c r="CE13" s="291"/>
      <c r="CF13" s="291"/>
      <c r="CG13" s="291"/>
      <c r="CH13" s="291"/>
      <c r="CI13" s="291"/>
      <c r="CJ13" s="291"/>
      <c r="CK13" s="291"/>
      <c r="CL13" s="291"/>
      <c r="CM13" s="291"/>
    </row>
    <row r="14" spans="1:95" ht="7.4" customHeight="1" x14ac:dyDescent="0.55000000000000004">
      <c r="A14" s="291"/>
      <c r="B14" s="291"/>
      <c r="C14" s="291"/>
      <c r="D14" s="291"/>
      <c r="E14" s="291"/>
      <c r="F14" s="291"/>
      <c r="G14" s="291"/>
      <c r="H14" s="291"/>
      <c r="I14" s="291"/>
      <c r="J14" s="291"/>
      <c r="K14" s="291"/>
      <c r="L14" s="291"/>
      <c r="M14" s="291"/>
      <c r="N14" s="291"/>
      <c r="O14" s="291"/>
      <c r="P14" s="291"/>
      <c r="Q14" s="291"/>
      <c r="R14" s="291"/>
      <c r="S14" s="291"/>
      <c r="T14" s="291"/>
      <c r="U14" s="291"/>
      <c r="V14" s="291"/>
      <c r="W14" s="291"/>
      <c r="X14" s="291"/>
      <c r="Y14" s="291"/>
      <c r="Z14" s="291"/>
      <c r="AA14" s="291"/>
      <c r="AB14" s="291"/>
      <c r="AC14" s="291"/>
      <c r="AD14" s="291"/>
      <c r="AE14" s="291"/>
      <c r="AF14" s="291"/>
      <c r="AG14" s="291"/>
      <c r="AH14" s="291"/>
      <c r="AI14" s="291"/>
      <c r="AJ14" s="291"/>
      <c r="AK14" s="291"/>
      <c r="AL14" s="291"/>
      <c r="AM14" s="291"/>
      <c r="AN14" s="291"/>
      <c r="AO14" s="291"/>
      <c r="AP14" s="291"/>
      <c r="AQ14" s="291"/>
      <c r="AR14" s="291"/>
      <c r="AS14" s="291"/>
      <c r="AT14" s="291"/>
      <c r="AU14" s="291"/>
      <c r="AV14" s="291"/>
      <c r="AW14" s="291"/>
      <c r="AX14" s="291"/>
      <c r="AY14" s="291"/>
      <c r="AZ14" s="291"/>
      <c r="BA14" s="291"/>
      <c r="BB14" s="291"/>
      <c r="BC14" s="291"/>
      <c r="BD14" s="291"/>
      <c r="BE14" s="291"/>
      <c r="BF14" s="291"/>
      <c r="BG14" s="291"/>
      <c r="BH14" s="291"/>
      <c r="BI14" s="291"/>
      <c r="BJ14" s="291"/>
      <c r="BK14" s="291"/>
      <c r="BL14" s="291"/>
      <c r="BM14" s="291"/>
      <c r="BN14" s="291"/>
      <c r="BO14" s="291"/>
      <c r="BP14" s="291"/>
      <c r="BQ14" s="291"/>
      <c r="BR14" s="291"/>
      <c r="BS14" s="291"/>
      <c r="BT14" s="291"/>
      <c r="BU14" s="291"/>
      <c r="BV14" s="291"/>
      <c r="BW14" s="291"/>
      <c r="BX14" s="291"/>
      <c r="BY14" s="291"/>
      <c r="BZ14" s="291"/>
      <c r="CA14" s="291"/>
      <c r="CB14" s="291"/>
      <c r="CC14" s="291"/>
      <c r="CD14" s="291"/>
      <c r="CE14" s="291"/>
      <c r="CF14" s="291"/>
      <c r="CG14" s="291"/>
      <c r="CH14" s="291"/>
      <c r="CI14" s="291"/>
      <c r="CJ14" s="291"/>
      <c r="CK14" s="291"/>
      <c r="CL14" s="291"/>
      <c r="CM14" s="291"/>
    </row>
    <row r="15" spans="1:95" ht="6" customHeight="1" x14ac:dyDescent="0.55000000000000004">
      <c r="A15" s="303" t="s">
        <v>6</v>
      </c>
      <c r="B15" s="303"/>
      <c r="C15" s="303"/>
      <c r="D15" s="303"/>
      <c r="E15" s="303"/>
      <c r="F15" s="303"/>
      <c r="G15" s="303"/>
      <c r="H15" s="303"/>
      <c r="I15" s="303"/>
      <c r="J15" s="303"/>
      <c r="K15" s="304" t="s">
        <v>164</v>
      </c>
      <c r="L15" s="304"/>
      <c r="M15" s="304"/>
      <c r="N15" s="304"/>
      <c r="O15" s="304"/>
      <c r="P15" s="304"/>
      <c r="Q15" s="304"/>
      <c r="R15" s="304"/>
      <c r="S15" s="304"/>
      <c r="T15" s="304"/>
      <c r="U15" s="304"/>
      <c r="V15" s="304"/>
      <c r="W15" s="304"/>
      <c r="X15" s="304"/>
      <c r="Y15" s="304"/>
      <c r="Z15" s="304"/>
      <c r="AA15" s="304"/>
      <c r="AB15" s="304"/>
      <c r="AC15" s="304"/>
      <c r="AD15" s="304"/>
      <c r="AE15" s="304"/>
      <c r="AF15" s="304"/>
      <c r="AG15" s="304"/>
      <c r="AH15" s="304"/>
      <c r="AI15" s="304"/>
      <c r="AJ15" s="304"/>
      <c r="AK15" s="304"/>
      <c r="AL15" s="304"/>
      <c r="AM15" s="304"/>
      <c r="AN15" s="304"/>
      <c r="AO15" s="304"/>
      <c r="AP15" s="304"/>
      <c r="AQ15" s="304"/>
      <c r="AR15" s="304"/>
      <c r="AS15" s="304"/>
      <c r="AT15" s="304"/>
      <c r="AU15" s="304"/>
      <c r="AV15" s="304"/>
      <c r="AW15" s="304"/>
      <c r="AX15" s="304"/>
      <c r="AY15" s="304"/>
      <c r="AZ15" s="304"/>
      <c r="BA15" s="304"/>
      <c r="BB15" s="304"/>
      <c r="BC15" s="304"/>
      <c r="BD15" s="304"/>
      <c r="BE15" s="304"/>
      <c r="BF15" s="304"/>
      <c r="BG15" s="304"/>
      <c r="BH15" s="304"/>
      <c r="BI15" s="304"/>
      <c r="BJ15" s="304"/>
      <c r="BK15" s="304"/>
      <c r="BL15" s="304"/>
      <c r="BM15" s="304"/>
      <c r="BN15" s="304"/>
      <c r="BO15" s="304"/>
      <c r="BP15" s="304"/>
      <c r="BQ15" s="304"/>
      <c r="BR15" s="304"/>
      <c r="BS15" s="304"/>
      <c r="BT15" s="304"/>
      <c r="BU15" s="304"/>
      <c r="BV15" s="304"/>
      <c r="BW15" s="304"/>
      <c r="BX15" s="304"/>
      <c r="BY15" s="304"/>
      <c r="BZ15" s="304"/>
      <c r="CA15" s="304"/>
      <c r="CB15" s="304"/>
      <c r="CC15" s="304"/>
      <c r="CD15" s="304"/>
      <c r="CE15" s="304"/>
      <c r="CF15" s="304"/>
      <c r="CG15" s="304"/>
      <c r="CH15" s="304"/>
      <c r="CI15" s="304"/>
      <c r="CJ15" s="304"/>
      <c r="CK15" s="304"/>
      <c r="CL15" s="304"/>
      <c r="CM15" s="304"/>
      <c r="CN15" s="304"/>
      <c r="CO15" s="304"/>
      <c r="CP15" s="304"/>
      <c r="CQ15" s="304"/>
    </row>
    <row r="16" spans="1:95" ht="6" customHeight="1" x14ac:dyDescent="0.55000000000000004">
      <c r="A16" s="303"/>
      <c r="B16" s="303"/>
      <c r="C16" s="303"/>
      <c r="D16" s="303"/>
      <c r="E16" s="303"/>
      <c r="F16" s="303"/>
      <c r="G16" s="303"/>
      <c r="H16" s="303"/>
      <c r="I16" s="303"/>
      <c r="J16" s="303"/>
      <c r="K16" s="304"/>
      <c r="L16" s="304"/>
      <c r="M16" s="304"/>
      <c r="N16" s="304"/>
      <c r="O16" s="304"/>
      <c r="P16" s="304"/>
      <c r="Q16" s="304"/>
      <c r="R16" s="304"/>
      <c r="S16" s="304"/>
      <c r="T16" s="304"/>
      <c r="U16" s="304"/>
      <c r="V16" s="304"/>
      <c r="W16" s="304"/>
      <c r="X16" s="304"/>
      <c r="Y16" s="304"/>
      <c r="Z16" s="304"/>
      <c r="AA16" s="304"/>
      <c r="AB16" s="304"/>
      <c r="AC16" s="304"/>
      <c r="AD16" s="304"/>
      <c r="AE16" s="304"/>
      <c r="AF16" s="304"/>
      <c r="AG16" s="304"/>
      <c r="AH16" s="304"/>
      <c r="AI16" s="304"/>
      <c r="AJ16" s="304"/>
      <c r="AK16" s="304"/>
      <c r="AL16" s="304"/>
      <c r="AM16" s="304"/>
      <c r="AN16" s="304"/>
      <c r="AO16" s="304"/>
      <c r="AP16" s="304"/>
      <c r="AQ16" s="304"/>
      <c r="AR16" s="304"/>
      <c r="AS16" s="304"/>
      <c r="AT16" s="304"/>
      <c r="AU16" s="304"/>
      <c r="AV16" s="304"/>
      <c r="AW16" s="304"/>
      <c r="AX16" s="304"/>
      <c r="AY16" s="304"/>
      <c r="AZ16" s="304"/>
      <c r="BA16" s="304"/>
      <c r="BB16" s="304"/>
      <c r="BC16" s="304"/>
      <c r="BD16" s="304"/>
      <c r="BE16" s="304"/>
      <c r="BF16" s="304"/>
      <c r="BG16" s="304"/>
      <c r="BH16" s="304"/>
      <c r="BI16" s="304"/>
      <c r="BJ16" s="304"/>
      <c r="BK16" s="304"/>
      <c r="BL16" s="304"/>
      <c r="BM16" s="304"/>
      <c r="BN16" s="304"/>
      <c r="BO16" s="304"/>
      <c r="BP16" s="304"/>
      <c r="BQ16" s="304"/>
      <c r="BR16" s="304"/>
      <c r="BS16" s="304"/>
      <c r="BT16" s="304"/>
      <c r="BU16" s="304"/>
      <c r="BV16" s="304"/>
      <c r="BW16" s="304"/>
      <c r="BX16" s="304"/>
      <c r="BY16" s="304"/>
      <c r="BZ16" s="304"/>
      <c r="CA16" s="304"/>
      <c r="CB16" s="304"/>
      <c r="CC16" s="304"/>
      <c r="CD16" s="304"/>
      <c r="CE16" s="304"/>
      <c r="CF16" s="304"/>
      <c r="CG16" s="304"/>
      <c r="CH16" s="304"/>
      <c r="CI16" s="304"/>
      <c r="CJ16" s="304"/>
      <c r="CK16" s="304"/>
      <c r="CL16" s="304"/>
      <c r="CM16" s="304"/>
      <c r="CN16" s="304"/>
      <c r="CO16" s="304"/>
      <c r="CP16" s="304"/>
      <c r="CQ16" s="304"/>
    </row>
    <row r="17" spans="1:95" ht="6" customHeight="1" x14ac:dyDescent="0.55000000000000004">
      <c r="A17" s="303"/>
      <c r="B17" s="303"/>
      <c r="C17" s="303"/>
      <c r="D17" s="303"/>
      <c r="E17" s="303"/>
      <c r="F17" s="303"/>
      <c r="G17" s="303"/>
      <c r="H17" s="303"/>
      <c r="I17" s="303"/>
      <c r="J17" s="303"/>
      <c r="K17" s="304"/>
      <c r="L17" s="304"/>
      <c r="M17" s="304"/>
      <c r="N17" s="304"/>
      <c r="O17" s="304"/>
      <c r="P17" s="304"/>
      <c r="Q17" s="304"/>
      <c r="R17" s="304"/>
      <c r="S17" s="304"/>
      <c r="T17" s="304"/>
      <c r="U17" s="304"/>
      <c r="V17" s="304"/>
      <c r="W17" s="304"/>
      <c r="X17" s="304"/>
      <c r="Y17" s="304"/>
      <c r="Z17" s="304"/>
      <c r="AA17" s="304"/>
      <c r="AB17" s="304"/>
      <c r="AC17" s="304"/>
      <c r="AD17" s="304"/>
      <c r="AE17" s="304"/>
      <c r="AF17" s="304"/>
      <c r="AG17" s="304"/>
      <c r="AH17" s="304"/>
      <c r="AI17" s="304"/>
      <c r="AJ17" s="304"/>
      <c r="AK17" s="304"/>
      <c r="AL17" s="304"/>
      <c r="AM17" s="304"/>
      <c r="AN17" s="304"/>
      <c r="AO17" s="304"/>
      <c r="AP17" s="304"/>
      <c r="AQ17" s="304"/>
      <c r="AR17" s="304"/>
      <c r="AS17" s="304"/>
      <c r="AT17" s="304"/>
      <c r="AU17" s="304"/>
      <c r="AV17" s="304"/>
      <c r="AW17" s="304"/>
      <c r="AX17" s="304"/>
      <c r="AY17" s="304"/>
      <c r="AZ17" s="304"/>
      <c r="BA17" s="304"/>
      <c r="BB17" s="304"/>
      <c r="BC17" s="304"/>
      <c r="BD17" s="304"/>
      <c r="BE17" s="304"/>
      <c r="BF17" s="304"/>
      <c r="BG17" s="304"/>
      <c r="BH17" s="304"/>
      <c r="BI17" s="304"/>
      <c r="BJ17" s="304"/>
      <c r="BK17" s="304"/>
      <c r="BL17" s="304"/>
      <c r="BM17" s="304"/>
      <c r="BN17" s="304"/>
      <c r="BO17" s="304"/>
      <c r="BP17" s="304"/>
      <c r="BQ17" s="304"/>
      <c r="BR17" s="304"/>
      <c r="BS17" s="304"/>
      <c r="BT17" s="304"/>
      <c r="BU17" s="304"/>
      <c r="BV17" s="304"/>
      <c r="BW17" s="304"/>
      <c r="BX17" s="304"/>
      <c r="BY17" s="304"/>
      <c r="BZ17" s="304"/>
      <c r="CA17" s="304"/>
      <c r="CB17" s="304"/>
      <c r="CC17" s="304"/>
      <c r="CD17" s="304"/>
      <c r="CE17" s="304"/>
      <c r="CF17" s="304"/>
      <c r="CG17" s="304"/>
      <c r="CH17" s="304"/>
      <c r="CI17" s="304"/>
      <c r="CJ17" s="304"/>
      <c r="CK17" s="304"/>
      <c r="CL17" s="304"/>
      <c r="CM17" s="304"/>
      <c r="CN17" s="304"/>
      <c r="CO17" s="304"/>
      <c r="CP17" s="304"/>
      <c r="CQ17" s="304"/>
    </row>
    <row r="18" spans="1:95" s="7" customFormat="1" ht="7.5" customHeight="1" x14ac:dyDescent="0.55000000000000004">
      <c r="A18" s="276" t="s">
        <v>7</v>
      </c>
      <c r="B18" s="276"/>
      <c r="C18" s="276"/>
      <c r="D18" s="276"/>
      <c r="E18" s="276"/>
      <c r="F18" s="276"/>
      <c r="G18" s="276"/>
      <c r="H18" s="276"/>
      <c r="I18" s="276"/>
      <c r="J18" s="276"/>
      <c r="K18" s="305" t="s">
        <v>8</v>
      </c>
      <c r="L18" s="305"/>
      <c r="M18" s="305"/>
      <c r="N18" s="305"/>
      <c r="O18" s="305"/>
      <c r="P18" s="305"/>
      <c r="Q18" s="305"/>
      <c r="R18" s="305"/>
      <c r="S18" s="305"/>
      <c r="T18" s="305"/>
      <c r="U18" s="305"/>
      <c r="V18" s="305"/>
      <c r="W18" s="305"/>
      <c r="X18" s="305"/>
      <c r="Y18" s="305"/>
      <c r="Z18" s="305"/>
      <c r="AA18" s="305"/>
      <c r="AB18" s="305"/>
      <c r="AC18" s="305"/>
      <c r="AD18" s="305"/>
      <c r="AE18" s="305"/>
      <c r="AF18" s="305"/>
      <c r="AG18" s="305"/>
      <c r="AH18" s="305"/>
      <c r="AI18" s="305"/>
      <c r="AJ18" s="305"/>
      <c r="AK18" s="305"/>
      <c r="AL18" s="305"/>
      <c r="AM18" s="305"/>
      <c r="AN18" s="305"/>
      <c r="AO18" s="305"/>
      <c r="AP18" s="305"/>
      <c r="AQ18" s="305"/>
      <c r="AR18" s="305"/>
      <c r="AS18" s="305"/>
      <c r="AT18" s="306" t="s">
        <v>9</v>
      </c>
      <c r="AU18" s="306"/>
      <c r="AV18" s="306"/>
      <c r="AW18" s="306"/>
      <c r="AX18" s="306"/>
      <c r="AY18" s="306"/>
      <c r="AZ18" s="306"/>
      <c r="BA18" s="306"/>
      <c r="BB18" s="306"/>
      <c r="BC18" s="306"/>
      <c r="BD18" s="306"/>
      <c r="BE18" s="306"/>
      <c r="BF18" s="306"/>
      <c r="BG18" s="306"/>
      <c r="BH18" s="306"/>
      <c r="BI18" s="306"/>
      <c r="BJ18" s="306"/>
      <c r="BK18" s="306"/>
      <c r="BL18" s="306"/>
      <c r="BM18" s="306"/>
      <c r="BN18" s="306"/>
      <c r="BO18" s="306"/>
      <c r="BP18" s="306"/>
      <c r="BQ18" s="306"/>
      <c r="BR18" s="306"/>
      <c r="BS18" s="306"/>
      <c r="BT18" s="306"/>
      <c r="BU18" s="306" t="s">
        <v>10</v>
      </c>
      <c r="BV18" s="306"/>
      <c r="BW18" s="306"/>
      <c r="BX18" s="306"/>
      <c r="BY18" s="306"/>
      <c r="BZ18" s="306"/>
      <c r="CA18" s="306"/>
      <c r="CB18" s="306"/>
      <c r="CC18" s="307" t="s">
        <v>114</v>
      </c>
      <c r="CD18" s="279"/>
      <c r="CE18" s="279"/>
      <c r="CF18" s="279"/>
      <c r="CG18" s="279"/>
      <c r="CH18" s="279"/>
      <c r="CI18" s="279"/>
      <c r="CJ18" s="279"/>
      <c r="CK18" s="279"/>
      <c r="CL18" s="279"/>
      <c r="CM18" s="279"/>
      <c r="CN18" s="279"/>
      <c r="CO18" s="279"/>
      <c r="CP18" s="279"/>
      <c r="CQ18" s="279"/>
    </row>
    <row r="19" spans="1:95" s="7" customFormat="1" ht="7.5" customHeight="1" x14ac:dyDescent="0.55000000000000004">
      <c r="A19" s="276"/>
      <c r="B19" s="276"/>
      <c r="C19" s="276"/>
      <c r="D19" s="276"/>
      <c r="E19" s="276"/>
      <c r="F19" s="276"/>
      <c r="G19" s="276"/>
      <c r="H19" s="276"/>
      <c r="I19" s="276"/>
      <c r="J19" s="276"/>
      <c r="K19" s="305"/>
      <c r="L19" s="305"/>
      <c r="M19" s="305"/>
      <c r="N19" s="305"/>
      <c r="O19" s="305"/>
      <c r="P19" s="305"/>
      <c r="Q19" s="305"/>
      <c r="R19" s="305"/>
      <c r="S19" s="305"/>
      <c r="T19" s="305"/>
      <c r="U19" s="305"/>
      <c r="V19" s="305"/>
      <c r="W19" s="305"/>
      <c r="X19" s="305"/>
      <c r="Y19" s="305"/>
      <c r="Z19" s="305"/>
      <c r="AA19" s="305"/>
      <c r="AB19" s="305"/>
      <c r="AC19" s="305"/>
      <c r="AD19" s="305"/>
      <c r="AE19" s="305"/>
      <c r="AF19" s="305"/>
      <c r="AG19" s="305"/>
      <c r="AH19" s="305"/>
      <c r="AI19" s="305"/>
      <c r="AJ19" s="305"/>
      <c r="AK19" s="305"/>
      <c r="AL19" s="305"/>
      <c r="AM19" s="305"/>
      <c r="AN19" s="305"/>
      <c r="AO19" s="305"/>
      <c r="AP19" s="305"/>
      <c r="AQ19" s="305"/>
      <c r="AR19" s="305"/>
      <c r="AS19" s="305"/>
      <c r="AT19" s="306"/>
      <c r="AU19" s="306"/>
      <c r="AV19" s="306"/>
      <c r="AW19" s="306"/>
      <c r="AX19" s="306"/>
      <c r="AY19" s="306"/>
      <c r="AZ19" s="306"/>
      <c r="BA19" s="306"/>
      <c r="BB19" s="306"/>
      <c r="BC19" s="306"/>
      <c r="BD19" s="306"/>
      <c r="BE19" s="306"/>
      <c r="BF19" s="306"/>
      <c r="BG19" s="306"/>
      <c r="BH19" s="306"/>
      <c r="BI19" s="306"/>
      <c r="BJ19" s="306"/>
      <c r="BK19" s="306"/>
      <c r="BL19" s="306"/>
      <c r="BM19" s="306"/>
      <c r="BN19" s="306"/>
      <c r="BO19" s="306"/>
      <c r="BP19" s="306"/>
      <c r="BQ19" s="306"/>
      <c r="BR19" s="306"/>
      <c r="BS19" s="306"/>
      <c r="BT19" s="306"/>
      <c r="BU19" s="306"/>
      <c r="BV19" s="306"/>
      <c r="BW19" s="306"/>
      <c r="BX19" s="306"/>
      <c r="BY19" s="306"/>
      <c r="BZ19" s="306"/>
      <c r="CA19" s="306"/>
      <c r="CB19" s="306"/>
      <c r="CC19" s="279"/>
      <c r="CD19" s="279"/>
      <c r="CE19" s="279"/>
      <c r="CF19" s="279"/>
      <c r="CG19" s="279"/>
      <c r="CH19" s="279"/>
      <c r="CI19" s="279"/>
      <c r="CJ19" s="279"/>
      <c r="CK19" s="279"/>
      <c r="CL19" s="279"/>
      <c r="CM19" s="279"/>
      <c r="CN19" s="279"/>
      <c r="CO19" s="279"/>
      <c r="CP19" s="279"/>
      <c r="CQ19" s="279"/>
    </row>
    <row r="20" spans="1:95" s="7" customFormat="1" ht="7.5" customHeight="1" x14ac:dyDescent="0.55000000000000004">
      <c r="A20" s="276"/>
      <c r="B20" s="276"/>
      <c r="C20" s="276"/>
      <c r="D20" s="276"/>
      <c r="E20" s="276"/>
      <c r="F20" s="276"/>
      <c r="G20" s="276"/>
      <c r="H20" s="276"/>
      <c r="I20" s="276"/>
      <c r="J20" s="276"/>
      <c r="K20" s="305"/>
      <c r="L20" s="305"/>
      <c r="M20" s="305"/>
      <c r="N20" s="305"/>
      <c r="O20" s="305"/>
      <c r="P20" s="305"/>
      <c r="Q20" s="305"/>
      <c r="R20" s="305"/>
      <c r="S20" s="305"/>
      <c r="T20" s="305"/>
      <c r="U20" s="305"/>
      <c r="V20" s="305"/>
      <c r="W20" s="305"/>
      <c r="X20" s="305"/>
      <c r="Y20" s="305"/>
      <c r="Z20" s="305"/>
      <c r="AA20" s="305"/>
      <c r="AB20" s="305"/>
      <c r="AC20" s="305"/>
      <c r="AD20" s="305"/>
      <c r="AE20" s="305"/>
      <c r="AF20" s="305"/>
      <c r="AG20" s="305"/>
      <c r="AH20" s="305"/>
      <c r="AI20" s="305"/>
      <c r="AJ20" s="305"/>
      <c r="AK20" s="305"/>
      <c r="AL20" s="305"/>
      <c r="AM20" s="305"/>
      <c r="AN20" s="305"/>
      <c r="AO20" s="305"/>
      <c r="AP20" s="305"/>
      <c r="AQ20" s="305"/>
      <c r="AR20" s="305"/>
      <c r="AS20" s="305"/>
      <c r="AT20" s="306"/>
      <c r="AU20" s="306"/>
      <c r="AV20" s="306"/>
      <c r="AW20" s="306"/>
      <c r="AX20" s="306"/>
      <c r="AY20" s="306"/>
      <c r="AZ20" s="306"/>
      <c r="BA20" s="306"/>
      <c r="BB20" s="306"/>
      <c r="BC20" s="306"/>
      <c r="BD20" s="306"/>
      <c r="BE20" s="306"/>
      <c r="BF20" s="306"/>
      <c r="BG20" s="306"/>
      <c r="BH20" s="306"/>
      <c r="BI20" s="306"/>
      <c r="BJ20" s="306"/>
      <c r="BK20" s="306"/>
      <c r="BL20" s="306"/>
      <c r="BM20" s="306"/>
      <c r="BN20" s="306"/>
      <c r="BO20" s="306"/>
      <c r="BP20" s="306"/>
      <c r="BQ20" s="306"/>
      <c r="BR20" s="306"/>
      <c r="BS20" s="306"/>
      <c r="BT20" s="306"/>
      <c r="BU20" s="306"/>
      <c r="BV20" s="306"/>
      <c r="BW20" s="306"/>
      <c r="BX20" s="306"/>
      <c r="BY20" s="306"/>
      <c r="BZ20" s="306"/>
      <c r="CA20" s="306"/>
      <c r="CB20" s="306"/>
      <c r="CC20" s="279"/>
      <c r="CD20" s="279"/>
      <c r="CE20" s="279"/>
      <c r="CF20" s="279"/>
      <c r="CG20" s="279"/>
      <c r="CH20" s="279"/>
      <c r="CI20" s="279"/>
      <c r="CJ20" s="279"/>
      <c r="CK20" s="279"/>
      <c r="CL20" s="279"/>
      <c r="CM20" s="279"/>
      <c r="CN20" s="279"/>
      <c r="CO20" s="279"/>
      <c r="CP20" s="279"/>
      <c r="CQ20" s="279"/>
    </row>
    <row r="21" spans="1:95" s="8" customFormat="1" ht="7.5" customHeight="1" x14ac:dyDescent="0.55000000000000004">
      <c r="A21" s="276"/>
      <c r="B21" s="276"/>
      <c r="C21" s="276"/>
      <c r="D21" s="276"/>
      <c r="E21" s="276"/>
      <c r="F21" s="276"/>
      <c r="G21" s="276"/>
      <c r="H21" s="276"/>
      <c r="I21" s="276"/>
      <c r="J21" s="276"/>
      <c r="K21" s="308"/>
      <c r="L21" s="308"/>
      <c r="M21" s="308"/>
      <c r="N21" s="308"/>
      <c r="O21" s="308"/>
      <c r="P21" s="308"/>
      <c r="Q21" s="308"/>
      <c r="R21" s="308"/>
      <c r="S21" s="308"/>
      <c r="T21" s="308"/>
      <c r="U21" s="308"/>
      <c r="V21" s="308"/>
      <c r="W21" s="308"/>
      <c r="X21" s="308"/>
      <c r="Y21" s="308"/>
      <c r="Z21" s="308"/>
      <c r="AA21" s="308"/>
      <c r="AB21" s="308"/>
      <c r="AC21" s="308"/>
      <c r="AD21" s="308"/>
      <c r="AE21" s="308"/>
      <c r="AF21" s="308"/>
      <c r="AG21" s="308"/>
      <c r="AH21" s="308"/>
      <c r="AI21" s="308"/>
      <c r="AJ21" s="308"/>
      <c r="AK21" s="308"/>
      <c r="AL21" s="308"/>
      <c r="AM21" s="308"/>
      <c r="AN21" s="308"/>
      <c r="AO21" s="308"/>
      <c r="AP21" s="308"/>
      <c r="AQ21" s="308"/>
      <c r="AR21" s="308"/>
      <c r="AS21" s="308"/>
      <c r="AT21" s="310" t="s">
        <v>11</v>
      </c>
      <c r="AU21" s="310"/>
      <c r="AV21" s="310"/>
      <c r="AW21" s="310"/>
      <c r="AX21" s="310"/>
      <c r="AY21" s="310"/>
      <c r="AZ21" s="310"/>
      <c r="BA21" s="310"/>
      <c r="BB21" s="310"/>
      <c r="BC21" s="310"/>
      <c r="BD21" s="310"/>
      <c r="BE21" s="310"/>
      <c r="BF21" s="310"/>
      <c r="BG21" s="310"/>
      <c r="BH21" s="310"/>
      <c r="BI21" s="310"/>
      <c r="BJ21" s="310"/>
      <c r="BK21" s="310"/>
      <c r="BL21" s="310"/>
      <c r="BM21" s="310"/>
      <c r="BN21" s="310"/>
      <c r="BO21" s="310"/>
      <c r="BP21" s="310"/>
      <c r="BQ21" s="310"/>
      <c r="BR21" s="310"/>
      <c r="BS21" s="310"/>
      <c r="BT21" s="310"/>
      <c r="BU21" s="276" t="s">
        <v>165</v>
      </c>
      <c r="BV21" s="279"/>
      <c r="BW21" s="279"/>
      <c r="BX21" s="279"/>
      <c r="BY21" s="279"/>
      <c r="BZ21" s="279"/>
      <c r="CA21" s="279"/>
      <c r="CB21" s="279"/>
      <c r="CC21" s="311"/>
      <c r="CD21" s="311"/>
      <c r="CE21" s="311"/>
      <c r="CF21" s="311"/>
      <c r="CG21" s="311"/>
      <c r="CH21" s="311"/>
      <c r="CI21" s="311"/>
      <c r="CJ21" s="311"/>
      <c r="CK21" s="311"/>
      <c r="CL21" s="311"/>
      <c r="CM21" s="311"/>
      <c r="CN21" s="311"/>
      <c r="CO21" s="311"/>
      <c r="CP21" s="311"/>
      <c r="CQ21" s="311"/>
    </row>
    <row r="22" spans="1:95" s="8" customFormat="1" ht="7.5" customHeight="1" x14ac:dyDescent="0.55000000000000004">
      <c r="A22" s="276"/>
      <c r="B22" s="276"/>
      <c r="C22" s="276"/>
      <c r="D22" s="276"/>
      <c r="E22" s="276"/>
      <c r="F22" s="276"/>
      <c r="G22" s="276"/>
      <c r="H22" s="276"/>
      <c r="I22" s="276"/>
      <c r="J22" s="276"/>
      <c r="K22" s="309"/>
      <c r="L22" s="309"/>
      <c r="M22" s="309"/>
      <c r="N22" s="309"/>
      <c r="O22" s="309"/>
      <c r="P22" s="309"/>
      <c r="Q22" s="309"/>
      <c r="R22" s="309"/>
      <c r="S22" s="309"/>
      <c r="T22" s="309"/>
      <c r="U22" s="309"/>
      <c r="V22" s="309"/>
      <c r="W22" s="309"/>
      <c r="X22" s="309"/>
      <c r="Y22" s="309"/>
      <c r="Z22" s="309"/>
      <c r="AA22" s="309"/>
      <c r="AB22" s="309"/>
      <c r="AC22" s="309"/>
      <c r="AD22" s="309"/>
      <c r="AE22" s="309"/>
      <c r="AF22" s="309"/>
      <c r="AG22" s="309"/>
      <c r="AH22" s="309"/>
      <c r="AI22" s="309"/>
      <c r="AJ22" s="309"/>
      <c r="AK22" s="309"/>
      <c r="AL22" s="309"/>
      <c r="AM22" s="309"/>
      <c r="AN22" s="309"/>
      <c r="AO22" s="309"/>
      <c r="AP22" s="309"/>
      <c r="AQ22" s="309"/>
      <c r="AR22" s="309"/>
      <c r="AS22" s="309"/>
      <c r="AT22" s="310"/>
      <c r="AU22" s="310"/>
      <c r="AV22" s="310"/>
      <c r="AW22" s="310"/>
      <c r="AX22" s="310"/>
      <c r="AY22" s="310"/>
      <c r="AZ22" s="310"/>
      <c r="BA22" s="310"/>
      <c r="BB22" s="310"/>
      <c r="BC22" s="310"/>
      <c r="BD22" s="310"/>
      <c r="BE22" s="310"/>
      <c r="BF22" s="310"/>
      <c r="BG22" s="310"/>
      <c r="BH22" s="310"/>
      <c r="BI22" s="310"/>
      <c r="BJ22" s="310"/>
      <c r="BK22" s="310"/>
      <c r="BL22" s="310"/>
      <c r="BM22" s="310"/>
      <c r="BN22" s="310"/>
      <c r="BO22" s="310"/>
      <c r="BP22" s="310"/>
      <c r="BQ22" s="310"/>
      <c r="BR22" s="310"/>
      <c r="BS22" s="310"/>
      <c r="BT22" s="310"/>
      <c r="BU22" s="279"/>
      <c r="BV22" s="279"/>
      <c r="BW22" s="279"/>
      <c r="BX22" s="279"/>
      <c r="BY22" s="279"/>
      <c r="BZ22" s="279"/>
      <c r="CA22" s="279"/>
      <c r="CB22" s="279"/>
      <c r="CC22" s="311"/>
      <c r="CD22" s="311"/>
      <c r="CE22" s="311"/>
      <c r="CF22" s="311"/>
      <c r="CG22" s="311"/>
      <c r="CH22" s="311"/>
      <c r="CI22" s="311"/>
      <c r="CJ22" s="311"/>
      <c r="CK22" s="311"/>
      <c r="CL22" s="311"/>
      <c r="CM22" s="311"/>
      <c r="CN22" s="311"/>
      <c r="CO22" s="311"/>
      <c r="CP22" s="311"/>
      <c r="CQ22" s="311"/>
    </row>
    <row r="23" spans="1:95" s="8" customFormat="1" ht="7.5" customHeight="1" x14ac:dyDescent="0.55000000000000004">
      <c r="A23" s="276"/>
      <c r="B23" s="276"/>
      <c r="C23" s="276"/>
      <c r="D23" s="276"/>
      <c r="E23" s="276"/>
      <c r="F23" s="276"/>
      <c r="G23" s="276"/>
      <c r="H23" s="276"/>
      <c r="I23" s="276"/>
      <c r="J23" s="276"/>
      <c r="K23" s="312"/>
      <c r="L23" s="312"/>
      <c r="M23" s="312"/>
      <c r="N23" s="312"/>
      <c r="O23" s="312"/>
      <c r="P23" s="312"/>
      <c r="Q23" s="312"/>
      <c r="R23" s="312"/>
      <c r="S23" s="312"/>
      <c r="T23" s="312"/>
      <c r="U23" s="312"/>
      <c r="V23" s="312"/>
      <c r="W23" s="312"/>
      <c r="X23" s="312"/>
      <c r="Y23" s="312"/>
      <c r="Z23" s="312"/>
      <c r="AA23" s="312"/>
      <c r="AB23" s="312"/>
      <c r="AC23" s="312"/>
      <c r="AD23" s="312"/>
      <c r="AE23" s="312"/>
      <c r="AF23" s="312"/>
      <c r="AG23" s="312"/>
      <c r="AH23" s="312"/>
      <c r="AI23" s="312"/>
      <c r="AJ23" s="312"/>
      <c r="AK23" s="312"/>
      <c r="AL23" s="312"/>
      <c r="AM23" s="312"/>
      <c r="AN23" s="312"/>
      <c r="AO23" s="312"/>
      <c r="AP23" s="312"/>
      <c r="AQ23" s="312"/>
      <c r="AR23" s="312"/>
      <c r="AS23" s="312"/>
      <c r="AT23" s="310"/>
      <c r="AU23" s="310"/>
      <c r="AV23" s="310"/>
      <c r="AW23" s="310"/>
      <c r="AX23" s="310"/>
      <c r="AY23" s="310"/>
      <c r="AZ23" s="310"/>
      <c r="BA23" s="310"/>
      <c r="BB23" s="310"/>
      <c r="BC23" s="310"/>
      <c r="BD23" s="310"/>
      <c r="BE23" s="310"/>
      <c r="BF23" s="310"/>
      <c r="BG23" s="310"/>
      <c r="BH23" s="310"/>
      <c r="BI23" s="310"/>
      <c r="BJ23" s="310"/>
      <c r="BK23" s="310"/>
      <c r="BL23" s="310"/>
      <c r="BM23" s="310"/>
      <c r="BN23" s="310"/>
      <c r="BO23" s="310"/>
      <c r="BP23" s="310"/>
      <c r="BQ23" s="310"/>
      <c r="BR23" s="310"/>
      <c r="BS23" s="310"/>
      <c r="BT23" s="310"/>
      <c r="BU23" s="279"/>
      <c r="BV23" s="279"/>
      <c r="BW23" s="279"/>
      <c r="BX23" s="279"/>
      <c r="BY23" s="279"/>
      <c r="BZ23" s="279"/>
      <c r="CA23" s="279"/>
      <c r="CB23" s="279"/>
      <c r="CC23" s="311"/>
      <c r="CD23" s="311"/>
      <c r="CE23" s="311"/>
      <c r="CF23" s="311"/>
      <c r="CG23" s="311"/>
      <c r="CH23" s="311"/>
      <c r="CI23" s="311"/>
      <c r="CJ23" s="311"/>
      <c r="CK23" s="311"/>
      <c r="CL23" s="311"/>
      <c r="CM23" s="311"/>
      <c r="CN23" s="311"/>
      <c r="CO23" s="311"/>
      <c r="CP23" s="311"/>
      <c r="CQ23" s="311"/>
    </row>
    <row r="24" spans="1:95" s="8" customFormat="1" ht="7.5" customHeight="1" x14ac:dyDescent="0.55000000000000004">
      <c r="A24" s="276"/>
      <c r="B24" s="276"/>
      <c r="C24" s="276"/>
      <c r="D24" s="276"/>
      <c r="E24" s="276"/>
      <c r="F24" s="276"/>
      <c r="G24" s="276"/>
      <c r="H24" s="276"/>
      <c r="I24" s="276"/>
      <c r="J24" s="276"/>
      <c r="K24" s="308"/>
      <c r="L24" s="308"/>
      <c r="M24" s="308"/>
      <c r="N24" s="308"/>
      <c r="O24" s="308"/>
      <c r="P24" s="308"/>
      <c r="Q24" s="308"/>
      <c r="R24" s="308"/>
      <c r="S24" s="308"/>
      <c r="T24" s="308"/>
      <c r="U24" s="308"/>
      <c r="V24" s="308"/>
      <c r="W24" s="308"/>
      <c r="X24" s="308"/>
      <c r="Y24" s="308"/>
      <c r="Z24" s="308"/>
      <c r="AA24" s="308"/>
      <c r="AB24" s="308"/>
      <c r="AC24" s="308"/>
      <c r="AD24" s="308"/>
      <c r="AE24" s="308"/>
      <c r="AF24" s="308"/>
      <c r="AG24" s="308"/>
      <c r="AH24" s="308"/>
      <c r="AI24" s="308"/>
      <c r="AJ24" s="308"/>
      <c r="AK24" s="308"/>
      <c r="AL24" s="308"/>
      <c r="AM24" s="308"/>
      <c r="AN24" s="308"/>
      <c r="AO24" s="308"/>
      <c r="AP24" s="308"/>
      <c r="AQ24" s="308"/>
      <c r="AR24" s="308"/>
      <c r="AS24" s="308"/>
      <c r="AT24" s="310"/>
      <c r="AU24" s="310"/>
      <c r="AV24" s="310"/>
      <c r="AW24" s="310"/>
      <c r="AX24" s="310"/>
      <c r="AY24" s="310"/>
      <c r="AZ24" s="310"/>
      <c r="BA24" s="310"/>
      <c r="BB24" s="310"/>
      <c r="BC24" s="310"/>
      <c r="BD24" s="310"/>
      <c r="BE24" s="310"/>
      <c r="BF24" s="310"/>
      <c r="BG24" s="310"/>
      <c r="BH24" s="310"/>
      <c r="BI24" s="310"/>
      <c r="BJ24" s="310"/>
      <c r="BK24" s="310"/>
      <c r="BL24" s="310"/>
      <c r="BM24" s="310"/>
      <c r="BN24" s="310"/>
      <c r="BO24" s="310"/>
      <c r="BP24" s="310"/>
      <c r="BQ24" s="310"/>
      <c r="BR24" s="310"/>
      <c r="BS24" s="310"/>
      <c r="BT24" s="310"/>
      <c r="BU24" s="279"/>
      <c r="BV24" s="279"/>
      <c r="BW24" s="279"/>
      <c r="BX24" s="279"/>
      <c r="BY24" s="279"/>
      <c r="BZ24" s="279"/>
      <c r="CA24" s="279"/>
      <c r="CB24" s="279"/>
      <c r="CC24" s="311"/>
      <c r="CD24" s="311"/>
      <c r="CE24" s="311"/>
      <c r="CF24" s="311"/>
      <c r="CG24" s="311"/>
      <c r="CH24" s="311"/>
      <c r="CI24" s="311"/>
      <c r="CJ24" s="311"/>
      <c r="CK24" s="311"/>
      <c r="CL24" s="311"/>
      <c r="CM24" s="311"/>
      <c r="CN24" s="311"/>
      <c r="CO24" s="311"/>
      <c r="CP24" s="311"/>
      <c r="CQ24" s="311"/>
    </row>
    <row r="25" spans="1:95" s="8" customFormat="1" ht="7.5" customHeight="1" x14ac:dyDescent="0.55000000000000004">
      <c r="A25" s="276"/>
      <c r="B25" s="276"/>
      <c r="C25" s="276"/>
      <c r="D25" s="276"/>
      <c r="E25" s="276"/>
      <c r="F25" s="276"/>
      <c r="G25" s="276"/>
      <c r="H25" s="276"/>
      <c r="I25" s="276"/>
      <c r="J25" s="276"/>
      <c r="K25" s="308"/>
      <c r="L25" s="308"/>
      <c r="M25" s="308"/>
      <c r="N25" s="308"/>
      <c r="O25" s="308"/>
      <c r="P25" s="308"/>
      <c r="Q25" s="308"/>
      <c r="R25" s="308"/>
      <c r="S25" s="308"/>
      <c r="T25" s="308"/>
      <c r="U25" s="308"/>
      <c r="V25" s="308"/>
      <c r="W25" s="308"/>
      <c r="X25" s="308"/>
      <c r="Y25" s="308"/>
      <c r="Z25" s="308"/>
      <c r="AA25" s="308"/>
      <c r="AB25" s="308"/>
      <c r="AC25" s="308"/>
      <c r="AD25" s="308"/>
      <c r="AE25" s="308"/>
      <c r="AF25" s="308"/>
      <c r="AG25" s="308"/>
      <c r="AH25" s="308"/>
      <c r="AI25" s="308"/>
      <c r="AJ25" s="308"/>
      <c r="AK25" s="308"/>
      <c r="AL25" s="308"/>
      <c r="AM25" s="308"/>
      <c r="AN25" s="308"/>
      <c r="AO25" s="308"/>
      <c r="AP25" s="308"/>
      <c r="AQ25" s="308"/>
      <c r="AR25" s="308"/>
      <c r="AS25" s="308"/>
      <c r="AT25" s="310"/>
      <c r="AU25" s="310"/>
      <c r="AV25" s="310"/>
      <c r="AW25" s="310"/>
      <c r="AX25" s="310"/>
      <c r="AY25" s="310"/>
      <c r="AZ25" s="310"/>
      <c r="BA25" s="310"/>
      <c r="BB25" s="310"/>
      <c r="BC25" s="310"/>
      <c r="BD25" s="310"/>
      <c r="BE25" s="310"/>
      <c r="BF25" s="310"/>
      <c r="BG25" s="310"/>
      <c r="BH25" s="310"/>
      <c r="BI25" s="310"/>
      <c r="BJ25" s="310"/>
      <c r="BK25" s="310"/>
      <c r="BL25" s="310"/>
      <c r="BM25" s="310"/>
      <c r="BN25" s="310"/>
      <c r="BO25" s="310"/>
      <c r="BP25" s="310"/>
      <c r="BQ25" s="310"/>
      <c r="BR25" s="310"/>
      <c r="BS25" s="310"/>
      <c r="BT25" s="310"/>
      <c r="BU25" s="279"/>
      <c r="BV25" s="279"/>
      <c r="BW25" s="279"/>
      <c r="BX25" s="279"/>
      <c r="BY25" s="279"/>
      <c r="BZ25" s="279"/>
      <c r="CA25" s="279"/>
      <c r="CB25" s="279"/>
      <c r="CC25" s="311"/>
      <c r="CD25" s="311"/>
      <c r="CE25" s="311"/>
      <c r="CF25" s="311"/>
      <c r="CG25" s="311"/>
      <c r="CH25" s="311"/>
      <c r="CI25" s="311"/>
      <c r="CJ25" s="311"/>
      <c r="CK25" s="311"/>
      <c r="CL25" s="311"/>
      <c r="CM25" s="311"/>
      <c r="CN25" s="311"/>
      <c r="CO25" s="311"/>
      <c r="CP25" s="311"/>
      <c r="CQ25" s="311"/>
    </row>
    <row r="26" spans="1:95" s="8" customFormat="1" ht="7.5" customHeight="1" x14ac:dyDescent="0.55000000000000004">
      <c r="A26" s="276"/>
      <c r="B26" s="276"/>
      <c r="C26" s="276"/>
      <c r="D26" s="276"/>
      <c r="E26" s="276"/>
      <c r="F26" s="276"/>
      <c r="G26" s="276"/>
      <c r="H26" s="276"/>
      <c r="I26" s="276"/>
      <c r="J26" s="276"/>
      <c r="K26" s="308"/>
      <c r="L26" s="308"/>
      <c r="M26" s="308"/>
      <c r="N26" s="308"/>
      <c r="O26" s="308"/>
      <c r="P26" s="308"/>
      <c r="Q26" s="308"/>
      <c r="R26" s="308"/>
      <c r="S26" s="308"/>
      <c r="T26" s="308"/>
      <c r="U26" s="308"/>
      <c r="V26" s="308"/>
      <c r="W26" s="308"/>
      <c r="X26" s="308"/>
      <c r="Y26" s="308"/>
      <c r="Z26" s="308"/>
      <c r="AA26" s="308"/>
      <c r="AB26" s="308"/>
      <c r="AC26" s="308"/>
      <c r="AD26" s="308"/>
      <c r="AE26" s="308"/>
      <c r="AF26" s="308"/>
      <c r="AG26" s="308"/>
      <c r="AH26" s="308"/>
      <c r="AI26" s="308"/>
      <c r="AJ26" s="308"/>
      <c r="AK26" s="308"/>
      <c r="AL26" s="308"/>
      <c r="AM26" s="308"/>
      <c r="AN26" s="308"/>
      <c r="AO26" s="308"/>
      <c r="AP26" s="308"/>
      <c r="AQ26" s="308"/>
      <c r="AR26" s="308"/>
      <c r="AS26" s="308"/>
      <c r="AT26" s="310"/>
      <c r="AU26" s="310"/>
      <c r="AV26" s="310"/>
      <c r="AW26" s="310"/>
      <c r="AX26" s="310"/>
      <c r="AY26" s="310"/>
      <c r="AZ26" s="310"/>
      <c r="BA26" s="310"/>
      <c r="BB26" s="310"/>
      <c r="BC26" s="310"/>
      <c r="BD26" s="310"/>
      <c r="BE26" s="310"/>
      <c r="BF26" s="310"/>
      <c r="BG26" s="310"/>
      <c r="BH26" s="310"/>
      <c r="BI26" s="310"/>
      <c r="BJ26" s="310"/>
      <c r="BK26" s="310"/>
      <c r="BL26" s="310"/>
      <c r="BM26" s="310"/>
      <c r="BN26" s="310"/>
      <c r="BO26" s="310"/>
      <c r="BP26" s="310"/>
      <c r="BQ26" s="310"/>
      <c r="BR26" s="310"/>
      <c r="BS26" s="310"/>
      <c r="BT26" s="310"/>
      <c r="BU26" s="279"/>
      <c r="BV26" s="279"/>
      <c r="BW26" s="279"/>
      <c r="BX26" s="279"/>
      <c r="BY26" s="279"/>
      <c r="BZ26" s="279"/>
      <c r="CA26" s="279"/>
      <c r="CB26" s="279"/>
      <c r="CC26" s="311"/>
      <c r="CD26" s="311"/>
      <c r="CE26" s="311"/>
      <c r="CF26" s="311"/>
      <c r="CG26" s="311"/>
      <c r="CH26" s="311"/>
      <c r="CI26" s="311"/>
      <c r="CJ26" s="311"/>
      <c r="CK26" s="311"/>
      <c r="CL26" s="311"/>
      <c r="CM26" s="311"/>
      <c r="CN26" s="311"/>
      <c r="CO26" s="311"/>
      <c r="CP26" s="311"/>
      <c r="CQ26" s="311"/>
    </row>
    <row r="27" spans="1:95" s="8" customFormat="1" ht="7.5" customHeight="1" x14ac:dyDescent="0.55000000000000004">
      <c r="A27" s="276"/>
      <c r="B27" s="276"/>
      <c r="C27" s="276"/>
      <c r="D27" s="276"/>
      <c r="E27" s="276"/>
      <c r="F27" s="276"/>
      <c r="G27" s="276"/>
      <c r="H27" s="276"/>
      <c r="I27" s="276"/>
      <c r="J27" s="276"/>
      <c r="K27" s="308"/>
      <c r="L27" s="308"/>
      <c r="M27" s="308"/>
      <c r="N27" s="308"/>
      <c r="O27" s="308"/>
      <c r="P27" s="308"/>
      <c r="Q27" s="308"/>
      <c r="R27" s="308"/>
      <c r="S27" s="308"/>
      <c r="T27" s="308"/>
      <c r="U27" s="308"/>
      <c r="V27" s="308"/>
      <c r="W27" s="308"/>
      <c r="X27" s="308"/>
      <c r="Y27" s="308"/>
      <c r="Z27" s="308"/>
      <c r="AA27" s="308"/>
      <c r="AB27" s="308"/>
      <c r="AC27" s="308"/>
      <c r="AD27" s="308"/>
      <c r="AE27" s="308"/>
      <c r="AF27" s="308"/>
      <c r="AG27" s="308"/>
      <c r="AH27" s="308"/>
      <c r="AI27" s="308"/>
      <c r="AJ27" s="308"/>
      <c r="AK27" s="308"/>
      <c r="AL27" s="308"/>
      <c r="AM27" s="308"/>
      <c r="AN27" s="308"/>
      <c r="AO27" s="308"/>
      <c r="AP27" s="308"/>
      <c r="AQ27" s="308"/>
      <c r="AR27" s="308"/>
      <c r="AS27" s="308"/>
      <c r="AT27" s="310"/>
      <c r="AU27" s="310"/>
      <c r="AV27" s="310"/>
      <c r="AW27" s="310"/>
      <c r="AX27" s="310"/>
      <c r="AY27" s="310"/>
      <c r="AZ27" s="310"/>
      <c r="BA27" s="310"/>
      <c r="BB27" s="310"/>
      <c r="BC27" s="310"/>
      <c r="BD27" s="310"/>
      <c r="BE27" s="310"/>
      <c r="BF27" s="310"/>
      <c r="BG27" s="310"/>
      <c r="BH27" s="310"/>
      <c r="BI27" s="310"/>
      <c r="BJ27" s="310"/>
      <c r="BK27" s="310"/>
      <c r="BL27" s="310"/>
      <c r="BM27" s="310"/>
      <c r="BN27" s="310"/>
      <c r="BO27" s="310"/>
      <c r="BP27" s="310"/>
      <c r="BQ27" s="310"/>
      <c r="BR27" s="310"/>
      <c r="BS27" s="310"/>
      <c r="BT27" s="310"/>
      <c r="BU27" s="279"/>
      <c r="BV27" s="279"/>
      <c r="BW27" s="279"/>
      <c r="BX27" s="279"/>
      <c r="BY27" s="279"/>
      <c r="BZ27" s="279"/>
      <c r="CA27" s="279"/>
      <c r="CB27" s="279"/>
      <c r="CC27" s="311"/>
      <c r="CD27" s="311"/>
      <c r="CE27" s="311"/>
      <c r="CF27" s="311"/>
      <c r="CG27" s="311"/>
      <c r="CH27" s="311"/>
      <c r="CI27" s="311"/>
      <c r="CJ27" s="311"/>
      <c r="CK27" s="311"/>
      <c r="CL27" s="311"/>
      <c r="CM27" s="311"/>
      <c r="CN27" s="311"/>
      <c r="CO27" s="311"/>
      <c r="CP27" s="311"/>
      <c r="CQ27" s="311"/>
    </row>
    <row r="28" spans="1:95" s="8" customFormat="1" ht="6" customHeight="1" x14ac:dyDescent="0.55000000000000004">
      <c r="A28" s="276" t="s">
        <v>12</v>
      </c>
      <c r="B28" s="276"/>
      <c r="C28" s="276"/>
      <c r="D28" s="276"/>
      <c r="E28" s="276"/>
      <c r="F28" s="276"/>
      <c r="G28" s="276"/>
      <c r="H28" s="276"/>
      <c r="I28" s="276"/>
      <c r="J28" s="276"/>
      <c r="K28" s="313" t="s">
        <v>99</v>
      </c>
      <c r="L28" s="313"/>
      <c r="M28" s="313"/>
      <c r="N28" s="313"/>
      <c r="O28" s="313"/>
      <c r="P28" s="313"/>
      <c r="Q28" s="313"/>
      <c r="R28" s="313"/>
      <c r="S28" s="313"/>
      <c r="T28" s="313"/>
      <c r="U28" s="313"/>
      <c r="V28" s="313"/>
      <c r="W28" s="313"/>
      <c r="X28" s="313"/>
      <c r="Y28" s="313"/>
      <c r="Z28" s="313"/>
      <c r="AA28" s="313"/>
      <c r="AB28" s="313"/>
      <c r="AC28" s="313"/>
      <c r="AD28" s="313"/>
      <c r="AE28" s="313"/>
      <c r="AF28" s="313"/>
      <c r="AG28" s="313"/>
      <c r="AH28" s="313"/>
      <c r="AI28" s="313"/>
      <c r="AJ28" s="313"/>
      <c r="AK28" s="313"/>
      <c r="AL28" s="313"/>
      <c r="AM28" s="313"/>
      <c r="AN28" s="313"/>
      <c r="AO28" s="313"/>
      <c r="AP28" s="313"/>
      <c r="AQ28" s="313"/>
      <c r="AR28" s="313"/>
      <c r="AS28" s="313"/>
      <c r="AT28" s="313"/>
      <c r="AU28" s="313"/>
      <c r="AV28" s="313"/>
      <c r="AW28" s="313"/>
      <c r="AX28" s="313"/>
      <c r="AY28" s="313"/>
      <c r="AZ28" s="313"/>
      <c r="BA28" s="313"/>
      <c r="BB28" s="313"/>
      <c r="BC28" s="313"/>
      <c r="BD28" s="313"/>
      <c r="BE28" s="313"/>
      <c r="BF28" s="313"/>
      <c r="BG28" s="313"/>
      <c r="BH28" s="313"/>
      <c r="BI28" s="313"/>
      <c r="BJ28" s="313"/>
      <c r="BK28" s="313"/>
      <c r="BL28" s="313"/>
      <c r="BM28" s="313"/>
      <c r="BN28" s="313"/>
      <c r="BO28" s="313"/>
      <c r="BP28" s="313"/>
      <c r="BQ28" s="313"/>
      <c r="BR28" s="313"/>
      <c r="BS28" s="313"/>
      <c r="BT28" s="313"/>
      <c r="BU28" s="313"/>
      <c r="BV28" s="313"/>
      <c r="BW28" s="313"/>
      <c r="BX28" s="313"/>
      <c r="BY28" s="313"/>
      <c r="BZ28" s="313"/>
      <c r="CA28" s="313"/>
      <c r="CB28" s="313"/>
      <c r="CC28" s="313"/>
      <c r="CD28" s="313"/>
      <c r="CE28" s="313"/>
      <c r="CF28" s="313"/>
      <c r="CG28" s="313"/>
      <c r="CH28" s="313"/>
      <c r="CI28" s="313"/>
      <c r="CJ28" s="313"/>
      <c r="CK28" s="313"/>
      <c r="CL28" s="313"/>
      <c r="CM28" s="313"/>
      <c r="CN28" s="313"/>
      <c r="CO28" s="313"/>
      <c r="CP28" s="313"/>
      <c r="CQ28" s="313"/>
    </row>
    <row r="29" spans="1:95" s="8" customFormat="1" ht="6" customHeight="1" x14ac:dyDescent="0.55000000000000004">
      <c r="A29" s="276"/>
      <c r="B29" s="276"/>
      <c r="C29" s="276"/>
      <c r="D29" s="276"/>
      <c r="E29" s="276"/>
      <c r="F29" s="276"/>
      <c r="G29" s="276"/>
      <c r="H29" s="276"/>
      <c r="I29" s="276"/>
      <c r="J29" s="276"/>
      <c r="K29" s="313"/>
      <c r="L29" s="313"/>
      <c r="M29" s="313"/>
      <c r="N29" s="313"/>
      <c r="O29" s="313"/>
      <c r="P29" s="313"/>
      <c r="Q29" s="313"/>
      <c r="R29" s="313"/>
      <c r="S29" s="313"/>
      <c r="T29" s="313"/>
      <c r="U29" s="313"/>
      <c r="V29" s="313"/>
      <c r="W29" s="313"/>
      <c r="X29" s="313"/>
      <c r="Y29" s="313"/>
      <c r="Z29" s="313"/>
      <c r="AA29" s="313"/>
      <c r="AB29" s="313"/>
      <c r="AC29" s="313"/>
      <c r="AD29" s="313"/>
      <c r="AE29" s="313"/>
      <c r="AF29" s="313"/>
      <c r="AG29" s="313"/>
      <c r="AH29" s="313"/>
      <c r="AI29" s="313"/>
      <c r="AJ29" s="313"/>
      <c r="AK29" s="313"/>
      <c r="AL29" s="313"/>
      <c r="AM29" s="313"/>
      <c r="AN29" s="313"/>
      <c r="AO29" s="313"/>
      <c r="AP29" s="313"/>
      <c r="AQ29" s="313"/>
      <c r="AR29" s="313"/>
      <c r="AS29" s="313"/>
      <c r="AT29" s="313"/>
      <c r="AU29" s="313"/>
      <c r="AV29" s="313"/>
      <c r="AW29" s="313"/>
      <c r="AX29" s="313"/>
      <c r="AY29" s="313"/>
      <c r="AZ29" s="313"/>
      <c r="BA29" s="313"/>
      <c r="BB29" s="313"/>
      <c r="BC29" s="313"/>
      <c r="BD29" s="313"/>
      <c r="BE29" s="313"/>
      <c r="BF29" s="313"/>
      <c r="BG29" s="313"/>
      <c r="BH29" s="313"/>
      <c r="BI29" s="313"/>
      <c r="BJ29" s="313"/>
      <c r="BK29" s="313"/>
      <c r="BL29" s="313"/>
      <c r="BM29" s="313"/>
      <c r="BN29" s="313"/>
      <c r="BO29" s="313"/>
      <c r="BP29" s="313"/>
      <c r="BQ29" s="313"/>
      <c r="BR29" s="313"/>
      <c r="BS29" s="313"/>
      <c r="BT29" s="313"/>
      <c r="BU29" s="313"/>
      <c r="BV29" s="313"/>
      <c r="BW29" s="313"/>
      <c r="BX29" s="313"/>
      <c r="BY29" s="313"/>
      <c r="BZ29" s="313"/>
      <c r="CA29" s="313"/>
      <c r="CB29" s="313"/>
      <c r="CC29" s="313"/>
      <c r="CD29" s="313"/>
      <c r="CE29" s="313"/>
      <c r="CF29" s="313"/>
      <c r="CG29" s="313"/>
      <c r="CH29" s="313"/>
      <c r="CI29" s="313"/>
      <c r="CJ29" s="313"/>
      <c r="CK29" s="313"/>
      <c r="CL29" s="313"/>
      <c r="CM29" s="313"/>
      <c r="CN29" s="313"/>
      <c r="CO29" s="313"/>
      <c r="CP29" s="313"/>
      <c r="CQ29" s="313"/>
    </row>
    <row r="30" spans="1:95" s="8" customFormat="1" ht="6" customHeight="1" x14ac:dyDescent="0.55000000000000004">
      <c r="A30" s="276"/>
      <c r="B30" s="276"/>
      <c r="C30" s="276"/>
      <c r="D30" s="276"/>
      <c r="E30" s="276"/>
      <c r="F30" s="276"/>
      <c r="G30" s="276"/>
      <c r="H30" s="276"/>
      <c r="I30" s="276"/>
      <c r="J30" s="276"/>
      <c r="K30" s="313"/>
      <c r="L30" s="313"/>
      <c r="M30" s="313"/>
      <c r="N30" s="313"/>
      <c r="O30" s="313"/>
      <c r="P30" s="313"/>
      <c r="Q30" s="313"/>
      <c r="R30" s="313"/>
      <c r="S30" s="313"/>
      <c r="T30" s="313"/>
      <c r="U30" s="313"/>
      <c r="V30" s="313"/>
      <c r="W30" s="313"/>
      <c r="X30" s="313"/>
      <c r="Y30" s="313"/>
      <c r="Z30" s="313"/>
      <c r="AA30" s="313"/>
      <c r="AB30" s="313"/>
      <c r="AC30" s="313"/>
      <c r="AD30" s="313"/>
      <c r="AE30" s="313"/>
      <c r="AF30" s="313"/>
      <c r="AG30" s="313"/>
      <c r="AH30" s="313"/>
      <c r="AI30" s="313"/>
      <c r="AJ30" s="313"/>
      <c r="AK30" s="313"/>
      <c r="AL30" s="313"/>
      <c r="AM30" s="313"/>
      <c r="AN30" s="313"/>
      <c r="AO30" s="313"/>
      <c r="AP30" s="313"/>
      <c r="AQ30" s="313"/>
      <c r="AR30" s="313"/>
      <c r="AS30" s="313"/>
      <c r="AT30" s="313"/>
      <c r="AU30" s="313"/>
      <c r="AV30" s="313"/>
      <c r="AW30" s="313"/>
      <c r="AX30" s="313"/>
      <c r="AY30" s="313"/>
      <c r="AZ30" s="313"/>
      <c r="BA30" s="313"/>
      <c r="BB30" s="313"/>
      <c r="BC30" s="313"/>
      <c r="BD30" s="313"/>
      <c r="BE30" s="313"/>
      <c r="BF30" s="313"/>
      <c r="BG30" s="313"/>
      <c r="BH30" s="313"/>
      <c r="BI30" s="313"/>
      <c r="BJ30" s="313"/>
      <c r="BK30" s="313"/>
      <c r="BL30" s="313"/>
      <c r="BM30" s="313"/>
      <c r="BN30" s="313"/>
      <c r="BO30" s="313"/>
      <c r="BP30" s="313"/>
      <c r="BQ30" s="313"/>
      <c r="BR30" s="313"/>
      <c r="BS30" s="313"/>
      <c r="BT30" s="313"/>
      <c r="BU30" s="313"/>
      <c r="BV30" s="313"/>
      <c r="BW30" s="313"/>
      <c r="BX30" s="313"/>
      <c r="BY30" s="313"/>
      <c r="BZ30" s="313"/>
      <c r="CA30" s="313"/>
      <c r="CB30" s="313"/>
      <c r="CC30" s="313"/>
      <c r="CD30" s="313"/>
      <c r="CE30" s="313"/>
      <c r="CF30" s="313"/>
      <c r="CG30" s="313"/>
      <c r="CH30" s="313"/>
      <c r="CI30" s="313"/>
      <c r="CJ30" s="313"/>
      <c r="CK30" s="313"/>
      <c r="CL30" s="313"/>
      <c r="CM30" s="313"/>
      <c r="CN30" s="313"/>
      <c r="CO30" s="313"/>
      <c r="CP30" s="313"/>
      <c r="CQ30" s="313"/>
    </row>
    <row r="31" spans="1:95" s="8" customFormat="1" ht="6" customHeight="1" x14ac:dyDescent="0.55000000000000004">
      <c r="A31" s="276"/>
      <c r="B31" s="276"/>
      <c r="C31" s="276"/>
      <c r="D31" s="276"/>
      <c r="E31" s="276"/>
      <c r="F31" s="276"/>
      <c r="G31" s="276"/>
      <c r="H31" s="276"/>
      <c r="I31" s="276"/>
      <c r="J31" s="276"/>
      <c r="K31" s="313"/>
      <c r="L31" s="313"/>
      <c r="M31" s="313"/>
      <c r="N31" s="313"/>
      <c r="O31" s="313"/>
      <c r="P31" s="313"/>
      <c r="Q31" s="313"/>
      <c r="R31" s="313"/>
      <c r="S31" s="313"/>
      <c r="T31" s="313"/>
      <c r="U31" s="313"/>
      <c r="V31" s="313"/>
      <c r="W31" s="313"/>
      <c r="X31" s="313"/>
      <c r="Y31" s="313"/>
      <c r="Z31" s="313"/>
      <c r="AA31" s="313"/>
      <c r="AB31" s="313"/>
      <c r="AC31" s="313"/>
      <c r="AD31" s="313"/>
      <c r="AE31" s="313"/>
      <c r="AF31" s="313"/>
      <c r="AG31" s="313"/>
      <c r="AH31" s="313"/>
      <c r="AI31" s="313"/>
      <c r="AJ31" s="313"/>
      <c r="AK31" s="313"/>
      <c r="AL31" s="313"/>
      <c r="AM31" s="313"/>
      <c r="AN31" s="313"/>
      <c r="AO31" s="313"/>
      <c r="AP31" s="313"/>
      <c r="AQ31" s="313"/>
      <c r="AR31" s="313"/>
      <c r="AS31" s="313"/>
      <c r="AT31" s="313"/>
      <c r="AU31" s="313"/>
      <c r="AV31" s="313"/>
      <c r="AW31" s="313"/>
      <c r="AX31" s="313"/>
      <c r="AY31" s="313"/>
      <c r="AZ31" s="313"/>
      <c r="BA31" s="313"/>
      <c r="BB31" s="313"/>
      <c r="BC31" s="313"/>
      <c r="BD31" s="313"/>
      <c r="BE31" s="313"/>
      <c r="BF31" s="313"/>
      <c r="BG31" s="313"/>
      <c r="BH31" s="313"/>
      <c r="BI31" s="313"/>
      <c r="BJ31" s="313"/>
      <c r="BK31" s="313"/>
      <c r="BL31" s="313"/>
      <c r="BM31" s="313"/>
      <c r="BN31" s="313"/>
      <c r="BO31" s="313"/>
      <c r="BP31" s="313"/>
      <c r="BQ31" s="313"/>
      <c r="BR31" s="313"/>
      <c r="BS31" s="313"/>
      <c r="BT31" s="313"/>
      <c r="BU31" s="313"/>
      <c r="BV31" s="313"/>
      <c r="BW31" s="313"/>
      <c r="BX31" s="313"/>
      <c r="BY31" s="313"/>
      <c r="BZ31" s="313"/>
      <c r="CA31" s="313"/>
      <c r="CB31" s="313"/>
      <c r="CC31" s="313"/>
      <c r="CD31" s="313"/>
      <c r="CE31" s="313"/>
      <c r="CF31" s="313"/>
      <c r="CG31" s="313"/>
      <c r="CH31" s="313"/>
      <c r="CI31" s="313"/>
      <c r="CJ31" s="313"/>
      <c r="CK31" s="313"/>
      <c r="CL31" s="313"/>
      <c r="CM31" s="313"/>
      <c r="CN31" s="313"/>
      <c r="CO31" s="313"/>
      <c r="CP31" s="313"/>
      <c r="CQ31" s="313"/>
    </row>
    <row r="32" spans="1:95" s="8" customFormat="1" ht="6" customHeight="1" x14ac:dyDescent="0.55000000000000004">
      <c r="A32" s="276"/>
      <c r="B32" s="276"/>
      <c r="C32" s="276"/>
      <c r="D32" s="276"/>
      <c r="E32" s="276"/>
      <c r="F32" s="276"/>
      <c r="G32" s="276"/>
      <c r="H32" s="276"/>
      <c r="I32" s="276"/>
      <c r="J32" s="276"/>
      <c r="K32" s="313"/>
      <c r="L32" s="313"/>
      <c r="M32" s="313"/>
      <c r="N32" s="313"/>
      <c r="O32" s="313"/>
      <c r="P32" s="313"/>
      <c r="Q32" s="313"/>
      <c r="R32" s="313"/>
      <c r="S32" s="313"/>
      <c r="T32" s="313"/>
      <c r="U32" s="313"/>
      <c r="V32" s="313"/>
      <c r="W32" s="313"/>
      <c r="X32" s="313"/>
      <c r="Y32" s="313"/>
      <c r="Z32" s="313"/>
      <c r="AA32" s="313"/>
      <c r="AB32" s="313"/>
      <c r="AC32" s="313"/>
      <c r="AD32" s="313"/>
      <c r="AE32" s="313"/>
      <c r="AF32" s="313"/>
      <c r="AG32" s="313"/>
      <c r="AH32" s="313"/>
      <c r="AI32" s="313"/>
      <c r="AJ32" s="313"/>
      <c r="AK32" s="313"/>
      <c r="AL32" s="313"/>
      <c r="AM32" s="313"/>
      <c r="AN32" s="313"/>
      <c r="AO32" s="313"/>
      <c r="AP32" s="313"/>
      <c r="AQ32" s="313"/>
      <c r="AR32" s="313"/>
      <c r="AS32" s="313"/>
      <c r="AT32" s="313"/>
      <c r="AU32" s="313"/>
      <c r="AV32" s="313"/>
      <c r="AW32" s="313"/>
      <c r="AX32" s="313"/>
      <c r="AY32" s="313"/>
      <c r="AZ32" s="313"/>
      <c r="BA32" s="313"/>
      <c r="BB32" s="313"/>
      <c r="BC32" s="313"/>
      <c r="BD32" s="313"/>
      <c r="BE32" s="313"/>
      <c r="BF32" s="313"/>
      <c r="BG32" s="313"/>
      <c r="BH32" s="313"/>
      <c r="BI32" s="313"/>
      <c r="BJ32" s="313"/>
      <c r="BK32" s="313"/>
      <c r="BL32" s="313"/>
      <c r="BM32" s="313"/>
      <c r="BN32" s="313"/>
      <c r="BO32" s="313"/>
      <c r="BP32" s="313"/>
      <c r="BQ32" s="313"/>
      <c r="BR32" s="313"/>
      <c r="BS32" s="313"/>
      <c r="BT32" s="313"/>
      <c r="BU32" s="313"/>
      <c r="BV32" s="313"/>
      <c r="BW32" s="313"/>
      <c r="BX32" s="313"/>
      <c r="BY32" s="313"/>
      <c r="BZ32" s="313"/>
      <c r="CA32" s="313"/>
      <c r="CB32" s="313"/>
      <c r="CC32" s="313"/>
      <c r="CD32" s="313"/>
      <c r="CE32" s="313"/>
      <c r="CF32" s="313"/>
      <c r="CG32" s="313"/>
      <c r="CH32" s="313"/>
      <c r="CI32" s="313"/>
      <c r="CJ32" s="313"/>
      <c r="CK32" s="313"/>
      <c r="CL32" s="313"/>
      <c r="CM32" s="313"/>
      <c r="CN32" s="313"/>
      <c r="CO32" s="313"/>
      <c r="CP32" s="313"/>
      <c r="CQ32" s="313"/>
    </row>
    <row r="33" spans="1:148" s="8" customFormat="1" ht="6" customHeight="1" x14ac:dyDescent="0.55000000000000004">
      <c r="A33" s="276"/>
      <c r="B33" s="276"/>
      <c r="C33" s="276"/>
      <c r="D33" s="276"/>
      <c r="E33" s="276"/>
      <c r="F33" s="276"/>
      <c r="G33" s="276"/>
      <c r="H33" s="276"/>
      <c r="I33" s="276"/>
      <c r="J33" s="276"/>
      <c r="K33" s="313"/>
      <c r="L33" s="313"/>
      <c r="M33" s="313"/>
      <c r="N33" s="313"/>
      <c r="O33" s="313"/>
      <c r="P33" s="313"/>
      <c r="Q33" s="313"/>
      <c r="R33" s="313"/>
      <c r="S33" s="313"/>
      <c r="T33" s="313"/>
      <c r="U33" s="313"/>
      <c r="V33" s="313"/>
      <c r="W33" s="313"/>
      <c r="X33" s="313"/>
      <c r="Y33" s="313"/>
      <c r="Z33" s="313"/>
      <c r="AA33" s="313"/>
      <c r="AB33" s="313"/>
      <c r="AC33" s="313"/>
      <c r="AD33" s="313"/>
      <c r="AE33" s="313"/>
      <c r="AF33" s="313"/>
      <c r="AG33" s="313"/>
      <c r="AH33" s="313"/>
      <c r="AI33" s="313"/>
      <c r="AJ33" s="313"/>
      <c r="AK33" s="313"/>
      <c r="AL33" s="313"/>
      <c r="AM33" s="313"/>
      <c r="AN33" s="313"/>
      <c r="AO33" s="313"/>
      <c r="AP33" s="313"/>
      <c r="AQ33" s="313"/>
      <c r="AR33" s="313"/>
      <c r="AS33" s="313"/>
      <c r="AT33" s="313"/>
      <c r="AU33" s="313"/>
      <c r="AV33" s="313"/>
      <c r="AW33" s="313"/>
      <c r="AX33" s="313"/>
      <c r="AY33" s="313"/>
      <c r="AZ33" s="313"/>
      <c r="BA33" s="313"/>
      <c r="BB33" s="313"/>
      <c r="BC33" s="313"/>
      <c r="BD33" s="313"/>
      <c r="BE33" s="313"/>
      <c r="BF33" s="313"/>
      <c r="BG33" s="313"/>
      <c r="BH33" s="313"/>
      <c r="BI33" s="313"/>
      <c r="BJ33" s="313"/>
      <c r="BK33" s="313"/>
      <c r="BL33" s="313"/>
      <c r="BM33" s="313"/>
      <c r="BN33" s="313"/>
      <c r="BO33" s="313"/>
      <c r="BP33" s="313"/>
      <c r="BQ33" s="313"/>
      <c r="BR33" s="313"/>
      <c r="BS33" s="313"/>
      <c r="BT33" s="313"/>
      <c r="BU33" s="313"/>
      <c r="BV33" s="313"/>
      <c r="BW33" s="313"/>
      <c r="BX33" s="313"/>
      <c r="BY33" s="313"/>
      <c r="BZ33" s="313"/>
      <c r="CA33" s="313"/>
      <c r="CB33" s="313"/>
      <c r="CC33" s="313"/>
      <c r="CD33" s="313"/>
      <c r="CE33" s="313"/>
      <c r="CF33" s="313"/>
      <c r="CG33" s="313"/>
      <c r="CH33" s="313"/>
      <c r="CI33" s="313"/>
      <c r="CJ33" s="313"/>
      <c r="CK33" s="313"/>
      <c r="CL33" s="313"/>
      <c r="CM33" s="313"/>
      <c r="CN33" s="313"/>
      <c r="CO33" s="313"/>
      <c r="CP33" s="313"/>
      <c r="CQ33" s="313"/>
    </row>
    <row r="34" spans="1:148" s="8" customFormat="1" ht="6" customHeight="1" x14ac:dyDescent="0.55000000000000004">
      <c r="A34" s="276"/>
      <c r="B34" s="276"/>
      <c r="C34" s="276"/>
      <c r="D34" s="276"/>
      <c r="E34" s="276"/>
      <c r="F34" s="276"/>
      <c r="G34" s="276"/>
      <c r="H34" s="276"/>
      <c r="I34" s="276"/>
      <c r="J34" s="276"/>
      <c r="K34" s="275" t="s">
        <v>13</v>
      </c>
      <c r="L34" s="275"/>
      <c r="M34" s="275"/>
      <c r="N34" s="275"/>
      <c r="O34" s="275"/>
      <c r="P34" s="275"/>
      <c r="Q34" s="275"/>
      <c r="R34" s="275"/>
      <c r="S34" s="275"/>
      <c r="T34" s="275"/>
      <c r="U34" s="275"/>
      <c r="V34" s="275"/>
      <c r="W34" s="275"/>
      <c r="X34" s="275"/>
      <c r="Y34" s="275"/>
      <c r="Z34" s="275"/>
      <c r="AA34" s="275"/>
      <c r="AB34" s="275"/>
      <c r="AC34" s="275"/>
      <c r="AD34" s="275"/>
      <c r="AE34" s="275"/>
      <c r="AF34" s="275"/>
      <c r="AG34" s="275"/>
      <c r="AH34" s="275"/>
      <c r="AI34" s="275"/>
      <c r="AJ34" s="275"/>
      <c r="AK34" s="275"/>
      <c r="AL34" s="275"/>
      <c r="AM34" s="275"/>
      <c r="AN34" s="275"/>
      <c r="AO34" s="275"/>
      <c r="AP34" s="275"/>
      <c r="AQ34" s="275"/>
      <c r="AR34" s="275"/>
      <c r="AS34" s="275"/>
      <c r="AT34" s="275"/>
      <c r="AU34" s="275"/>
      <c r="AV34" s="275"/>
      <c r="AW34" s="275"/>
      <c r="AX34" s="275"/>
      <c r="AY34" s="275"/>
      <c r="AZ34" s="275"/>
      <c r="BA34" s="275"/>
      <c r="BB34" s="275"/>
      <c r="BC34" s="275"/>
      <c r="BD34" s="275"/>
      <c r="BE34" s="275"/>
      <c r="BF34" s="275"/>
      <c r="BG34" s="275"/>
      <c r="BH34" s="275"/>
      <c r="BI34" s="275"/>
      <c r="BJ34" s="275"/>
      <c r="BK34" s="275"/>
      <c r="BL34" s="275"/>
      <c r="BM34" s="275"/>
      <c r="BN34" s="275"/>
      <c r="BO34" s="275"/>
      <c r="BP34" s="275"/>
      <c r="BQ34" s="275"/>
      <c r="BR34" s="275"/>
      <c r="BS34" s="275"/>
      <c r="BT34" s="275"/>
      <c r="BU34" s="275"/>
      <c r="BV34" s="275"/>
      <c r="BW34" s="275"/>
      <c r="BX34" s="275"/>
      <c r="BY34" s="275"/>
      <c r="BZ34" s="275"/>
      <c r="CA34" s="275"/>
      <c r="CB34" s="275"/>
      <c r="CC34" s="275"/>
      <c r="CD34" s="275"/>
      <c r="CE34" s="275"/>
      <c r="CF34" s="275"/>
      <c r="CG34" s="275"/>
      <c r="CH34" s="275"/>
      <c r="CI34" s="275"/>
      <c r="CJ34" s="275"/>
      <c r="CK34" s="275"/>
      <c r="CL34" s="275"/>
      <c r="CM34" s="275"/>
      <c r="CN34" s="275"/>
      <c r="CO34" s="275"/>
      <c r="CP34" s="275"/>
      <c r="CQ34" s="275"/>
    </row>
    <row r="35" spans="1:148" s="8" customFormat="1" ht="6" customHeight="1" x14ac:dyDescent="0.55000000000000004">
      <c r="A35" s="276"/>
      <c r="B35" s="276"/>
      <c r="C35" s="276"/>
      <c r="D35" s="276"/>
      <c r="E35" s="276"/>
      <c r="F35" s="276"/>
      <c r="G35" s="276"/>
      <c r="H35" s="276"/>
      <c r="I35" s="276"/>
      <c r="J35" s="276"/>
      <c r="K35" s="275"/>
      <c r="L35" s="275"/>
      <c r="M35" s="275"/>
      <c r="N35" s="275"/>
      <c r="O35" s="275"/>
      <c r="P35" s="275"/>
      <c r="Q35" s="275"/>
      <c r="R35" s="275"/>
      <c r="S35" s="275"/>
      <c r="T35" s="275"/>
      <c r="U35" s="275"/>
      <c r="V35" s="275"/>
      <c r="W35" s="275"/>
      <c r="X35" s="275"/>
      <c r="Y35" s="275"/>
      <c r="Z35" s="275"/>
      <c r="AA35" s="275"/>
      <c r="AB35" s="275"/>
      <c r="AC35" s="275"/>
      <c r="AD35" s="275"/>
      <c r="AE35" s="275"/>
      <c r="AF35" s="275"/>
      <c r="AG35" s="275"/>
      <c r="AH35" s="275"/>
      <c r="AI35" s="275"/>
      <c r="AJ35" s="275"/>
      <c r="AK35" s="275"/>
      <c r="AL35" s="275"/>
      <c r="AM35" s="275"/>
      <c r="AN35" s="275"/>
      <c r="AO35" s="275"/>
      <c r="AP35" s="275"/>
      <c r="AQ35" s="275"/>
      <c r="AR35" s="275"/>
      <c r="AS35" s="275"/>
      <c r="AT35" s="275"/>
      <c r="AU35" s="275"/>
      <c r="AV35" s="275"/>
      <c r="AW35" s="275"/>
      <c r="AX35" s="275"/>
      <c r="AY35" s="275"/>
      <c r="AZ35" s="275"/>
      <c r="BA35" s="275"/>
      <c r="BB35" s="275"/>
      <c r="BC35" s="275"/>
      <c r="BD35" s="275"/>
      <c r="BE35" s="275"/>
      <c r="BF35" s="275"/>
      <c r="BG35" s="275"/>
      <c r="BH35" s="275"/>
      <c r="BI35" s="275"/>
      <c r="BJ35" s="275"/>
      <c r="BK35" s="275"/>
      <c r="BL35" s="275"/>
      <c r="BM35" s="275"/>
      <c r="BN35" s="275"/>
      <c r="BO35" s="275"/>
      <c r="BP35" s="275"/>
      <c r="BQ35" s="275"/>
      <c r="BR35" s="275"/>
      <c r="BS35" s="275"/>
      <c r="BT35" s="275"/>
      <c r="BU35" s="275"/>
      <c r="BV35" s="275"/>
      <c r="BW35" s="275"/>
      <c r="BX35" s="275"/>
      <c r="BY35" s="275"/>
      <c r="BZ35" s="275"/>
      <c r="CA35" s="275"/>
      <c r="CB35" s="275"/>
      <c r="CC35" s="275"/>
      <c r="CD35" s="275"/>
      <c r="CE35" s="275"/>
      <c r="CF35" s="275"/>
      <c r="CG35" s="275"/>
      <c r="CH35" s="275"/>
      <c r="CI35" s="275"/>
      <c r="CJ35" s="275"/>
      <c r="CK35" s="275"/>
      <c r="CL35" s="275"/>
      <c r="CM35" s="275"/>
      <c r="CN35" s="275"/>
      <c r="CO35" s="275"/>
      <c r="CP35" s="275"/>
      <c r="CQ35" s="275"/>
      <c r="CR35" s="9"/>
      <c r="CS35" s="9"/>
    </row>
    <row r="36" spans="1:148" s="8" customFormat="1" ht="6" customHeight="1" x14ac:dyDescent="0.55000000000000004">
      <c r="A36" s="276"/>
      <c r="B36" s="276"/>
      <c r="C36" s="276"/>
      <c r="D36" s="276"/>
      <c r="E36" s="276"/>
      <c r="F36" s="276"/>
      <c r="G36" s="276"/>
      <c r="H36" s="276"/>
      <c r="I36" s="276"/>
      <c r="J36" s="276"/>
      <c r="K36" s="275"/>
      <c r="L36" s="275"/>
      <c r="M36" s="275"/>
      <c r="N36" s="275"/>
      <c r="O36" s="275"/>
      <c r="P36" s="275"/>
      <c r="Q36" s="275"/>
      <c r="R36" s="275"/>
      <c r="S36" s="275"/>
      <c r="T36" s="275"/>
      <c r="U36" s="275"/>
      <c r="V36" s="275"/>
      <c r="W36" s="275"/>
      <c r="X36" s="275"/>
      <c r="Y36" s="275"/>
      <c r="Z36" s="275"/>
      <c r="AA36" s="275"/>
      <c r="AB36" s="275"/>
      <c r="AC36" s="275"/>
      <c r="AD36" s="275"/>
      <c r="AE36" s="275"/>
      <c r="AF36" s="275"/>
      <c r="AG36" s="275"/>
      <c r="AH36" s="275"/>
      <c r="AI36" s="275"/>
      <c r="AJ36" s="275"/>
      <c r="AK36" s="275"/>
      <c r="AL36" s="275"/>
      <c r="AM36" s="275"/>
      <c r="AN36" s="275"/>
      <c r="AO36" s="275"/>
      <c r="AP36" s="275"/>
      <c r="AQ36" s="275"/>
      <c r="AR36" s="275"/>
      <c r="AS36" s="275"/>
      <c r="AT36" s="275"/>
      <c r="AU36" s="275"/>
      <c r="AV36" s="275"/>
      <c r="AW36" s="275"/>
      <c r="AX36" s="275"/>
      <c r="AY36" s="275"/>
      <c r="AZ36" s="275"/>
      <c r="BA36" s="275"/>
      <c r="BB36" s="275"/>
      <c r="BC36" s="275"/>
      <c r="BD36" s="275"/>
      <c r="BE36" s="275"/>
      <c r="BF36" s="275"/>
      <c r="BG36" s="275"/>
      <c r="BH36" s="275"/>
      <c r="BI36" s="275"/>
      <c r="BJ36" s="275"/>
      <c r="BK36" s="275"/>
      <c r="BL36" s="275"/>
      <c r="BM36" s="275"/>
      <c r="BN36" s="275"/>
      <c r="BO36" s="275"/>
      <c r="BP36" s="275"/>
      <c r="BQ36" s="275"/>
      <c r="BR36" s="275"/>
      <c r="BS36" s="275"/>
      <c r="BT36" s="275"/>
      <c r="BU36" s="275"/>
      <c r="BV36" s="275"/>
      <c r="BW36" s="275"/>
      <c r="BX36" s="275"/>
      <c r="BY36" s="275"/>
      <c r="BZ36" s="275"/>
      <c r="CA36" s="275"/>
      <c r="CB36" s="275"/>
      <c r="CC36" s="275"/>
      <c r="CD36" s="275"/>
      <c r="CE36" s="275"/>
      <c r="CF36" s="275"/>
      <c r="CG36" s="275"/>
      <c r="CH36" s="275"/>
      <c r="CI36" s="275"/>
      <c r="CJ36" s="275"/>
      <c r="CK36" s="275"/>
      <c r="CL36" s="275"/>
      <c r="CM36" s="275"/>
      <c r="CN36" s="275"/>
      <c r="CO36" s="275"/>
      <c r="CP36" s="275"/>
      <c r="CQ36" s="275"/>
      <c r="CR36" s="9"/>
      <c r="CS36" s="9"/>
    </row>
    <row r="37" spans="1:148" s="8" customFormat="1" ht="6" customHeight="1" x14ac:dyDescent="0.55000000000000004">
      <c r="A37" s="276"/>
      <c r="B37" s="276"/>
      <c r="C37" s="276"/>
      <c r="D37" s="276"/>
      <c r="E37" s="276"/>
      <c r="F37" s="276"/>
      <c r="G37" s="276"/>
      <c r="H37" s="276"/>
      <c r="I37" s="276"/>
      <c r="J37" s="276"/>
      <c r="K37" s="275"/>
      <c r="L37" s="275"/>
      <c r="M37" s="275"/>
      <c r="N37" s="275"/>
      <c r="O37" s="275"/>
      <c r="P37" s="275"/>
      <c r="Q37" s="275"/>
      <c r="R37" s="275"/>
      <c r="S37" s="275"/>
      <c r="T37" s="275"/>
      <c r="U37" s="275"/>
      <c r="V37" s="275"/>
      <c r="W37" s="275"/>
      <c r="X37" s="275"/>
      <c r="Y37" s="275"/>
      <c r="Z37" s="275"/>
      <c r="AA37" s="275"/>
      <c r="AB37" s="275"/>
      <c r="AC37" s="275"/>
      <c r="AD37" s="275"/>
      <c r="AE37" s="275"/>
      <c r="AF37" s="275"/>
      <c r="AG37" s="275"/>
      <c r="AH37" s="275"/>
      <c r="AI37" s="275"/>
      <c r="AJ37" s="275"/>
      <c r="AK37" s="275"/>
      <c r="AL37" s="275"/>
      <c r="AM37" s="275"/>
      <c r="AN37" s="275"/>
      <c r="AO37" s="275"/>
      <c r="AP37" s="275"/>
      <c r="AQ37" s="275"/>
      <c r="AR37" s="275"/>
      <c r="AS37" s="275"/>
      <c r="AT37" s="275"/>
      <c r="AU37" s="275"/>
      <c r="AV37" s="275"/>
      <c r="AW37" s="275"/>
      <c r="AX37" s="275"/>
      <c r="AY37" s="275"/>
      <c r="AZ37" s="275"/>
      <c r="BA37" s="275"/>
      <c r="BB37" s="275"/>
      <c r="BC37" s="275"/>
      <c r="BD37" s="275"/>
      <c r="BE37" s="275"/>
      <c r="BF37" s="275"/>
      <c r="BG37" s="275"/>
      <c r="BH37" s="275"/>
      <c r="BI37" s="275"/>
      <c r="BJ37" s="275"/>
      <c r="BK37" s="275"/>
      <c r="BL37" s="275"/>
      <c r="BM37" s="275"/>
      <c r="BN37" s="275"/>
      <c r="BO37" s="275"/>
      <c r="BP37" s="275"/>
      <c r="BQ37" s="275"/>
      <c r="BR37" s="275"/>
      <c r="BS37" s="275"/>
      <c r="BT37" s="275"/>
      <c r="BU37" s="275"/>
      <c r="BV37" s="275"/>
      <c r="BW37" s="275"/>
      <c r="BX37" s="275"/>
      <c r="BY37" s="275"/>
      <c r="BZ37" s="275"/>
      <c r="CA37" s="275"/>
      <c r="CB37" s="275"/>
      <c r="CC37" s="275"/>
      <c r="CD37" s="275"/>
      <c r="CE37" s="275"/>
      <c r="CF37" s="275"/>
      <c r="CG37" s="275"/>
      <c r="CH37" s="275"/>
      <c r="CI37" s="275"/>
      <c r="CJ37" s="275"/>
      <c r="CK37" s="275"/>
      <c r="CL37" s="275"/>
      <c r="CM37" s="275"/>
      <c r="CN37" s="275"/>
      <c r="CO37" s="275"/>
      <c r="CP37" s="275"/>
      <c r="CQ37" s="275"/>
      <c r="CR37" s="9"/>
      <c r="CS37" s="9"/>
    </row>
    <row r="38" spans="1:148" s="8" customFormat="1" ht="6" customHeight="1" x14ac:dyDescent="0.55000000000000004">
      <c r="A38" s="276"/>
      <c r="B38" s="276"/>
      <c r="C38" s="276"/>
      <c r="D38" s="276"/>
      <c r="E38" s="276"/>
      <c r="F38" s="276"/>
      <c r="G38" s="276"/>
      <c r="H38" s="276"/>
      <c r="I38" s="276"/>
      <c r="J38" s="276"/>
      <c r="K38" s="275"/>
      <c r="L38" s="275"/>
      <c r="M38" s="275"/>
      <c r="N38" s="275"/>
      <c r="O38" s="275"/>
      <c r="P38" s="275"/>
      <c r="Q38" s="275"/>
      <c r="R38" s="275"/>
      <c r="S38" s="275"/>
      <c r="T38" s="275"/>
      <c r="U38" s="275"/>
      <c r="V38" s="275"/>
      <c r="W38" s="275"/>
      <c r="X38" s="275"/>
      <c r="Y38" s="275"/>
      <c r="Z38" s="275"/>
      <c r="AA38" s="275"/>
      <c r="AB38" s="275"/>
      <c r="AC38" s="275"/>
      <c r="AD38" s="275"/>
      <c r="AE38" s="275"/>
      <c r="AF38" s="275"/>
      <c r="AG38" s="275"/>
      <c r="AH38" s="275"/>
      <c r="AI38" s="275"/>
      <c r="AJ38" s="275"/>
      <c r="AK38" s="275"/>
      <c r="AL38" s="275"/>
      <c r="AM38" s="275"/>
      <c r="AN38" s="275"/>
      <c r="AO38" s="275"/>
      <c r="AP38" s="275"/>
      <c r="AQ38" s="275"/>
      <c r="AR38" s="275"/>
      <c r="AS38" s="275"/>
      <c r="AT38" s="275"/>
      <c r="AU38" s="275"/>
      <c r="AV38" s="275"/>
      <c r="AW38" s="275"/>
      <c r="AX38" s="275"/>
      <c r="AY38" s="275"/>
      <c r="AZ38" s="275"/>
      <c r="BA38" s="275"/>
      <c r="BB38" s="275"/>
      <c r="BC38" s="275"/>
      <c r="BD38" s="275"/>
      <c r="BE38" s="275"/>
      <c r="BF38" s="275"/>
      <c r="BG38" s="275"/>
      <c r="BH38" s="275"/>
      <c r="BI38" s="275"/>
      <c r="BJ38" s="275"/>
      <c r="BK38" s="275"/>
      <c r="BL38" s="275"/>
      <c r="BM38" s="275"/>
      <c r="BN38" s="275"/>
      <c r="BO38" s="275"/>
      <c r="BP38" s="275"/>
      <c r="BQ38" s="275"/>
      <c r="BR38" s="275"/>
      <c r="BS38" s="275"/>
      <c r="BT38" s="275"/>
      <c r="BU38" s="275"/>
      <c r="BV38" s="275"/>
      <c r="BW38" s="275"/>
      <c r="BX38" s="275"/>
      <c r="BY38" s="275"/>
      <c r="BZ38" s="275"/>
      <c r="CA38" s="275"/>
      <c r="CB38" s="275"/>
      <c r="CC38" s="275"/>
      <c r="CD38" s="275"/>
      <c r="CE38" s="275"/>
      <c r="CF38" s="275"/>
      <c r="CG38" s="275"/>
      <c r="CH38" s="275"/>
      <c r="CI38" s="275"/>
      <c r="CJ38" s="275"/>
      <c r="CK38" s="275"/>
      <c r="CL38" s="275"/>
      <c r="CM38" s="275"/>
      <c r="CN38" s="275"/>
      <c r="CO38" s="275"/>
      <c r="CP38" s="275"/>
      <c r="CQ38" s="275"/>
      <c r="CR38" s="9"/>
      <c r="CS38" s="9"/>
      <c r="CT38" s="9"/>
      <c r="CU38" s="9"/>
      <c r="CV38" s="9"/>
      <c r="CW38" s="9"/>
      <c r="CX38" s="9"/>
      <c r="CY38" s="9"/>
      <c r="CZ38" s="9"/>
      <c r="DA38" s="9"/>
      <c r="DB38" s="9"/>
      <c r="DC38" s="10"/>
      <c r="DD38" s="10"/>
      <c r="DE38" s="10"/>
      <c r="DF38" s="10"/>
      <c r="DG38" s="10"/>
      <c r="DH38" s="10"/>
      <c r="DI38" s="10"/>
      <c r="DJ38" s="10"/>
      <c r="DK38" s="10"/>
      <c r="DL38" s="10"/>
      <c r="DM38" s="10"/>
      <c r="DN38" s="10"/>
    </row>
    <row r="39" spans="1:148" s="8" customFormat="1" ht="6" customHeight="1" x14ac:dyDescent="0.55000000000000004">
      <c r="A39" s="276"/>
      <c r="B39" s="276"/>
      <c r="C39" s="276"/>
      <c r="D39" s="276"/>
      <c r="E39" s="276"/>
      <c r="F39" s="276"/>
      <c r="G39" s="276"/>
      <c r="H39" s="276"/>
      <c r="I39" s="276"/>
      <c r="J39" s="276"/>
      <c r="K39" s="275"/>
      <c r="L39" s="275"/>
      <c r="M39" s="275"/>
      <c r="N39" s="275"/>
      <c r="O39" s="275"/>
      <c r="P39" s="275"/>
      <c r="Q39" s="275"/>
      <c r="R39" s="275"/>
      <c r="S39" s="275"/>
      <c r="T39" s="275"/>
      <c r="U39" s="275"/>
      <c r="V39" s="275"/>
      <c r="W39" s="275"/>
      <c r="X39" s="275"/>
      <c r="Y39" s="275"/>
      <c r="Z39" s="275"/>
      <c r="AA39" s="275"/>
      <c r="AB39" s="275"/>
      <c r="AC39" s="275"/>
      <c r="AD39" s="275"/>
      <c r="AE39" s="275"/>
      <c r="AF39" s="275"/>
      <c r="AG39" s="275"/>
      <c r="AH39" s="275"/>
      <c r="AI39" s="275"/>
      <c r="AJ39" s="275"/>
      <c r="AK39" s="275"/>
      <c r="AL39" s="275"/>
      <c r="AM39" s="275"/>
      <c r="AN39" s="275"/>
      <c r="AO39" s="275"/>
      <c r="AP39" s="275"/>
      <c r="AQ39" s="275"/>
      <c r="AR39" s="275"/>
      <c r="AS39" s="275"/>
      <c r="AT39" s="275"/>
      <c r="AU39" s="275"/>
      <c r="AV39" s="275"/>
      <c r="AW39" s="275"/>
      <c r="AX39" s="275"/>
      <c r="AY39" s="275"/>
      <c r="AZ39" s="275"/>
      <c r="BA39" s="275"/>
      <c r="BB39" s="275"/>
      <c r="BC39" s="275"/>
      <c r="BD39" s="275"/>
      <c r="BE39" s="275"/>
      <c r="BF39" s="275"/>
      <c r="BG39" s="275"/>
      <c r="BH39" s="275"/>
      <c r="BI39" s="275"/>
      <c r="BJ39" s="275"/>
      <c r="BK39" s="275"/>
      <c r="BL39" s="275"/>
      <c r="BM39" s="275"/>
      <c r="BN39" s="275"/>
      <c r="BO39" s="275"/>
      <c r="BP39" s="275"/>
      <c r="BQ39" s="275"/>
      <c r="BR39" s="275"/>
      <c r="BS39" s="275"/>
      <c r="BT39" s="275"/>
      <c r="BU39" s="275"/>
      <c r="BV39" s="275"/>
      <c r="BW39" s="275"/>
      <c r="BX39" s="275"/>
      <c r="BY39" s="275"/>
      <c r="BZ39" s="275"/>
      <c r="CA39" s="275"/>
      <c r="CB39" s="275"/>
      <c r="CC39" s="275"/>
      <c r="CD39" s="275"/>
      <c r="CE39" s="275"/>
      <c r="CF39" s="275"/>
      <c r="CG39" s="275"/>
      <c r="CH39" s="275"/>
      <c r="CI39" s="275"/>
      <c r="CJ39" s="275"/>
      <c r="CK39" s="275"/>
      <c r="CL39" s="275"/>
      <c r="CM39" s="275"/>
      <c r="CN39" s="275"/>
      <c r="CO39" s="275"/>
      <c r="CP39" s="275"/>
      <c r="CQ39" s="275"/>
      <c r="CR39" s="11"/>
      <c r="CS39" s="11"/>
      <c r="CT39" s="11"/>
      <c r="CU39" s="11"/>
      <c r="CV39" s="11"/>
      <c r="CW39" s="11"/>
      <c r="CX39" s="11"/>
      <c r="CY39" s="11"/>
      <c r="CZ39" s="11"/>
      <c r="DA39" s="11"/>
    </row>
    <row r="40" spans="1:148" s="8" customFormat="1" ht="7.5" customHeight="1" x14ac:dyDescent="0.55000000000000004">
      <c r="A40" s="276" t="s">
        <v>14</v>
      </c>
      <c r="B40" s="276"/>
      <c r="C40" s="276"/>
      <c r="D40" s="276"/>
      <c r="E40" s="276"/>
      <c r="F40" s="276"/>
      <c r="G40" s="276"/>
      <c r="H40" s="276"/>
      <c r="I40" s="276"/>
      <c r="J40" s="276"/>
      <c r="K40" s="277" t="s">
        <v>15</v>
      </c>
      <c r="L40" s="277"/>
      <c r="M40" s="277"/>
      <c r="N40" s="277"/>
      <c r="O40" s="277"/>
      <c r="P40" s="277"/>
      <c r="Q40" s="277"/>
      <c r="R40" s="277"/>
      <c r="S40" s="277"/>
      <c r="T40" s="277"/>
      <c r="U40" s="277"/>
      <c r="V40" s="277"/>
      <c r="W40" s="277"/>
      <c r="X40" s="277"/>
      <c r="Y40" s="277"/>
      <c r="Z40" s="277"/>
      <c r="AA40" s="277"/>
      <c r="AB40" s="277"/>
      <c r="AC40" s="277"/>
      <c r="AD40" s="277"/>
      <c r="AE40" s="277"/>
      <c r="AF40" s="277"/>
      <c r="AG40" s="277"/>
      <c r="AH40" s="277"/>
      <c r="AI40" s="277"/>
      <c r="AJ40" s="277"/>
      <c r="AK40" s="277"/>
      <c r="AL40" s="277"/>
      <c r="AM40" s="277"/>
      <c r="AN40" s="277"/>
      <c r="AO40" s="277"/>
      <c r="AP40" s="277"/>
      <c r="AQ40" s="277"/>
      <c r="AR40" s="277"/>
      <c r="AS40" s="277"/>
      <c r="AT40" s="277"/>
      <c r="AU40" s="277"/>
      <c r="AV40" s="277"/>
      <c r="AW40" s="277"/>
      <c r="AX40" s="277"/>
      <c r="AY40" s="277"/>
      <c r="AZ40" s="277"/>
      <c r="BA40" s="277"/>
      <c r="BB40" s="277"/>
      <c r="BC40" s="277"/>
      <c r="BD40" s="277"/>
      <c r="BE40" s="277"/>
      <c r="BF40" s="277" t="s">
        <v>16</v>
      </c>
      <c r="BG40" s="277"/>
      <c r="BH40" s="277"/>
      <c r="BI40" s="277"/>
      <c r="BJ40" s="277"/>
      <c r="BK40" s="277"/>
      <c r="BL40" s="277"/>
      <c r="BM40" s="277"/>
      <c r="BN40" s="277"/>
      <c r="BO40" s="277"/>
      <c r="BP40" s="277"/>
      <c r="BQ40" s="277"/>
      <c r="BR40" s="277"/>
      <c r="BS40" s="277"/>
      <c r="BT40" s="277"/>
      <c r="BU40" s="277"/>
      <c r="BV40" s="277"/>
      <c r="BW40" s="277"/>
      <c r="BX40" s="277"/>
      <c r="BY40" s="277"/>
      <c r="BZ40" s="277"/>
      <c r="CA40" s="277"/>
      <c r="CB40" s="277"/>
      <c r="CC40" s="277"/>
      <c r="CD40" s="277"/>
      <c r="CE40" s="277"/>
      <c r="CF40" s="277"/>
      <c r="CG40" s="277"/>
      <c r="CH40" s="277"/>
      <c r="CI40" s="278"/>
      <c r="CJ40" s="278"/>
      <c r="CK40" s="278"/>
      <c r="CL40" s="278"/>
      <c r="CM40" s="278"/>
      <c r="CN40" s="278"/>
      <c r="CO40" s="279"/>
      <c r="CP40" s="279"/>
      <c r="CQ40" s="279"/>
      <c r="CR40" s="11"/>
      <c r="CS40" s="11"/>
      <c r="CT40" s="11"/>
      <c r="CU40" s="11"/>
      <c r="CV40" s="11"/>
      <c r="CW40" s="11"/>
      <c r="CX40" s="11"/>
      <c r="CY40" s="11"/>
      <c r="CZ40" s="11"/>
      <c r="DA40" s="11"/>
    </row>
    <row r="41" spans="1:148" s="8" customFormat="1" ht="7.5" customHeight="1" x14ac:dyDescent="0.55000000000000004">
      <c r="A41" s="276"/>
      <c r="B41" s="276"/>
      <c r="C41" s="276"/>
      <c r="D41" s="276"/>
      <c r="E41" s="276"/>
      <c r="F41" s="276"/>
      <c r="G41" s="276"/>
      <c r="H41" s="276"/>
      <c r="I41" s="276"/>
      <c r="J41" s="276"/>
      <c r="K41" s="277"/>
      <c r="L41" s="277"/>
      <c r="M41" s="277"/>
      <c r="N41" s="277"/>
      <c r="O41" s="277"/>
      <c r="P41" s="277"/>
      <c r="Q41" s="277"/>
      <c r="R41" s="277"/>
      <c r="S41" s="277"/>
      <c r="T41" s="277"/>
      <c r="U41" s="277"/>
      <c r="V41" s="277"/>
      <c r="W41" s="277"/>
      <c r="X41" s="277"/>
      <c r="Y41" s="277"/>
      <c r="Z41" s="277"/>
      <c r="AA41" s="277"/>
      <c r="AB41" s="277"/>
      <c r="AC41" s="277"/>
      <c r="AD41" s="277"/>
      <c r="AE41" s="277"/>
      <c r="AF41" s="277"/>
      <c r="AG41" s="277"/>
      <c r="AH41" s="277"/>
      <c r="AI41" s="277"/>
      <c r="AJ41" s="277"/>
      <c r="AK41" s="277"/>
      <c r="AL41" s="277"/>
      <c r="AM41" s="277"/>
      <c r="AN41" s="277"/>
      <c r="AO41" s="277"/>
      <c r="AP41" s="277"/>
      <c r="AQ41" s="277"/>
      <c r="AR41" s="277"/>
      <c r="AS41" s="277"/>
      <c r="AT41" s="277"/>
      <c r="AU41" s="277"/>
      <c r="AV41" s="277"/>
      <c r="AW41" s="277"/>
      <c r="AX41" s="277"/>
      <c r="AY41" s="277"/>
      <c r="AZ41" s="277"/>
      <c r="BA41" s="277"/>
      <c r="BB41" s="277"/>
      <c r="BC41" s="277"/>
      <c r="BD41" s="277"/>
      <c r="BE41" s="277"/>
      <c r="BF41" s="277"/>
      <c r="BG41" s="277"/>
      <c r="BH41" s="277"/>
      <c r="BI41" s="277"/>
      <c r="BJ41" s="277"/>
      <c r="BK41" s="277"/>
      <c r="BL41" s="277"/>
      <c r="BM41" s="277"/>
      <c r="BN41" s="277"/>
      <c r="BO41" s="277"/>
      <c r="BP41" s="277"/>
      <c r="BQ41" s="277"/>
      <c r="BR41" s="277"/>
      <c r="BS41" s="277"/>
      <c r="BT41" s="277"/>
      <c r="BU41" s="277"/>
      <c r="BV41" s="277"/>
      <c r="BW41" s="277"/>
      <c r="BX41" s="277"/>
      <c r="BY41" s="277"/>
      <c r="BZ41" s="277"/>
      <c r="CA41" s="277"/>
      <c r="CB41" s="277"/>
      <c r="CC41" s="277"/>
      <c r="CD41" s="277"/>
      <c r="CE41" s="277"/>
      <c r="CF41" s="277"/>
      <c r="CG41" s="277"/>
      <c r="CH41" s="277"/>
      <c r="CI41" s="278"/>
      <c r="CJ41" s="278"/>
      <c r="CK41" s="278"/>
      <c r="CL41" s="278"/>
      <c r="CM41" s="278"/>
      <c r="CN41" s="278"/>
      <c r="CO41" s="279"/>
      <c r="CP41" s="279"/>
      <c r="CQ41" s="279"/>
      <c r="CR41" s="9"/>
      <c r="CS41" s="9"/>
      <c r="CT41" s="9"/>
      <c r="CU41" s="9"/>
      <c r="CV41" s="9"/>
    </row>
    <row r="42" spans="1:148" s="8" customFormat="1" ht="7.5" customHeight="1" x14ac:dyDescent="0.55000000000000004">
      <c r="A42" s="276"/>
      <c r="B42" s="276"/>
      <c r="C42" s="276"/>
      <c r="D42" s="276"/>
      <c r="E42" s="276"/>
      <c r="F42" s="276"/>
      <c r="G42" s="276"/>
      <c r="H42" s="276"/>
      <c r="I42" s="276"/>
      <c r="J42" s="276"/>
      <c r="K42" s="277"/>
      <c r="L42" s="277"/>
      <c r="M42" s="277"/>
      <c r="N42" s="277"/>
      <c r="O42" s="277"/>
      <c r="P42" s="277"/>
      <c r="Q42" s="277"/>
      <c r="R42" s="277"/>
      <c r="S42" s="277"/>
      <c r="T42" s="277"/>
      <c r="U42" s="277"/>
      <c r="V42" s="277"/>
      <c r="W42" s="277"/>
      <c r="X42" s="277"/>
      <c r="Y42" s="277"/>
      <c r="Z42" s="277"/>
      <c r="AA42" s="277"/>
      <c r="AB42" s="277"/>
      <c r="AC42" s="277"/>
      <c r="AD42" s="277"/>
      <c r="AE42" s="277"/>
      <c r="AF42" s="277"/>
      <c r="AG42" s="277"/>
      <c r="AH42" s="277"/>
      <c r="AI42" s="277"/>
      <c r="AJ42" s="277"/>
      <c r="AK42" s="277"/>
      <c r="AL42" s="277"/>
      <c r="AM42" s="277"/>
      <c r="AN42" s="277"/>
      <c r="AO42" s="277"/>
      <c r="AP42" s="277"/>
      <c r="AQ42" s="277"/>
      <c r="AR42" s="277"/>
      <c r="AS42" s="277"/>
      <c r="AT42" s="277"/>
      <c r="AU42" s="277"/>
      <c r="AV42" s="277"/>
      <c r="AW42" s="277"/>
      <c r="AX42" s="277"/>
      <c r="AY42" s="277"/>
      <c r="AZ42" s="277"/>
      <c r="BA42" s="277"/>
      <c r="BB42" s="277"/>
      <c r="BC42" s="277"/>
      <c r="BD42" s="277"/>
      <c r="BE42" s="277"/>
      <c r="BF42" s="277"/>
      <c r="BG42" s="277"/>
      <c r="BH42" s="277"/>
      <c r="BI42" s="277"/>
      <c r="BJ42" s="277"/>
      <c r="BK42" s="277"/>
      <c r="BL42" s="277"/>
      <c r="BM42" s="277"/>
      <c r="BN42" s="277"/>
      <c r="BO42" s="277"/>
      <c r="BP42" s="277"/>
      <c r="BQ42" s="277"/>
      <c r="BR42" s="277"/>
      <c r="BS42" s="277"/>
      <c r="BT42" s="277"/>
      <c r="BU42" s="277"/>
      <c r="BV42" s="277"/>
      <c r="BW42" s="277"/>
      <c r="BX42" s="277"/>
      <c r="BY42" s="277"/>
      <c r="BZ42" s="277"/>
      <c r="CA42" s="277"/>
      <c r="CB42" s="277"/>
      <c r="CC42" s="277"/>
      <c r="CD42" s="277"/>
      <c r="CE42" s="277"/>
      <c r="CF42" s="277"/>
      <c r="CG42" s="277"/>
      <c r="CH42" s="277"/>
      <c r="CI42" s="278"/>
      <c r="CJ42" s="278"/>
      <c r="CK42" s="278"/>
      <c r="CL42" s="278"/>
      <c r="CM42" s="278"/>
      <c r="CN42" s="278"/>
      <c r="CO42" s="279"/>
      <c r="CP42" s="279"/>
      <c r="CQ42" s="279"/>
      <c r="CR42" s="9"/>
      <c r="CS42" s="9"/>
      <c r="CT42" s="9"/>
      <c r="CU42" s="9"/>
      <c r="CV42" s="9"/>
    </row>
    <row r="43" spans="1:148" s="8" customFormat="1" ht="7.5" customHeight="1" x14ac:dyDescent="0.55000000000000004">
      <c r="A43" s="276"/>
      <c r="B43" s="276"/>
      <c r="C43" s="276"/>
      <c r="D43" s="276"/>
      <c r="E43" s="276"/>
      <c r="F43" s="276"/>
      <c r="G43" s="276"/>
      <c r="H43" s="276"/>
      <c r="I43" s="276"/>
      <c r="J43" s="276"/>
      <c r="K43" s="280" t="s">
        <v>17</v>
      </c>
      <c r="L43" s="280"/>
      <c r="M43" s="280"/>
      <c r="N43" s="281" t="s">
        <v>18</v>
      </c>
      <c r="O43" s="281"/>
      <c r="P43" s="281"/>
      <c r="Q43" s="281"/>
      <c r="R43" s="281"/>
      <c r="S43" s="281"/>
      <c r="T43" s="281"/>
      <c r="U43" s="281"/>
      <c r="V43" s="281"/>
      <c r="W43" s="281"/>
      <c r="X43" s="281"/>
      <c r="Y43" s="281"/>
      <c r="Z43" s="281"/>
      <c r="AA43" s="281"/>
      <c r="AB43" s="281"/>
      <c r="AC43" s="281"/>
      <c r="AD43" s="281"/>
      <c r="AE43" s="281"/>
      <c r="AF43" s="281"/>
      <c r="AG43" s="281"/>
      <c r="AH43" s="281"/>
      <c r="AI43" s="281"/>
      <c r="AJ43" s="281"/>
      <c r="AK43" s="281"/>
      <c r="AL43" s="281"/>
      <c r="AM43" s="281"/>
      <c r="AN43" s="281"/>
      <c r="AO43" s="281"/>
      <c r="AP43" s="281"/>
      <c r="AQ43" s="281"/>
      <c r="AR43" s="281"/>
      <c r="AS43" s="281"/>
      <c r="AT43" s="281"/>
      <c r="AU43" s="281"/>
      <c r="AV43" s="281"/>
      <c r="AW43" s="281"/>
      <c r="AX43" s="281"/>
      <c r="AY43" s="281"/>
      <c r="AZ43" s="281"/>
      <c r="BA43" s="281"/>
      <c r="BB43" s="281"/>
      <c r="BC43" s="281"/>
      <c r="BD43" s="281"/>
      <c r="BE43" s="281"/>
      <c r="BF43" s="281" t="s">
        <v>19</v>
      </c>
      <c r="BG43" s="281"/>
      <c r="BH43" s="281"/>
      <c r="BI43" s="281"/>
      <c r="BJ43" s="281"/>
      <c r="BK43" s="281"/>
      <c r="BL43" s="281"/>
      <c r="BM43" s="281"/>
      <c r="BN43" s="281"/>
      <c r="BO43" s="281"/>
      <c r="BP43" s="281"/>
      <c r="BQ43" s="281"/>
      <c r="BR43" s="281"/>
      <c r="BS43" s="281"/>
      <c r="BT43" s="281"/>
      <c r="BU43" s="281"/>
      <c r="BV43" s="281"/>
      <c r="BW43" s="281"/>
      <c r="BX43" s="281"/>
      <c r="BY43" s="281"/>
      <c r="BZ43" s="281"/>
      <c r="CA43" s="281"/>
      <c r="CB43" s="281"/>
      <c r="CC43" s="281"/>
      <c r="CD43" s="281"/>
      <c r="CE43" s="281"/>
      <c r="CF43" s="281"/>
      <c r="CG43" s="281"/>
      <c r="CH43" s="281"/>
      <c r="CI43" s="281"/>
      <c r="CJ43" s="281"/>
      <c r="CK43" s="281"/>
      <c r="CL43" s="281"/>
      <c r="CM43" s="281"/>
      <c r="CN43" s="281"/>
      <c r="CO43" s="281"/>
      <c r="CP43" s="281"/>
      <c r="CQ43" s="281"/>
      <c r="CR43" s="12"/>
      <c r="CS43" s="12"/>
      <c r="CT43" s="12"/>
      <c r="CU43" s="12"/>
      <c r="CV43" s="12"/>
      <c r="EG43" s="9"/>
      <c r="EH43" s="9"/>
      <c r="EI43" s="9"/>
      <c r="EJ43" s="9"/>
      <c r="EK43" s="9"/>
      <c r="EL43" s="9"/>
      <c r="EM43" s="9"/>
      <c r="EN43" s="9"/>
      <c r="EO43" s="9"/>
      <c r="EP43" s="9"/>
      <c r="EQ43" s="9"/>
      <c r="ER43" s="9"/>
    </row>
    <row r="44" spans="1:148" s="8" customFormat="1" ht="7.5" customHeight="1" x14ac:dyDescent="0.55000000000000004">
      <c r="A44" s="276"/>
      <c r="B44" s="276"/>
      <c r="C44" s="276"/>
      <c r="D44" s="276"/>
      <c r="E44" s="276"/>
      <c r="F44" s="276"/>
      <c r="G44" s="276"/>
      <c r="H44" s="276"/>
      <c r="I44" s="276"/>
      <c r="J44" s="276"/>
      <c r="K44" s="280"/>
      <c r="L44" s="280"/>
      <c r="M44" s="280"/>
      <c r="N44" s="281"/>
      <c r="O44" s="281"/>
      <c r="P44" s="281"/>
      <c r="Q44" s="281"/>
      <c r="R44" s="281"/>
      <c r="S44" s="281"/>
      <c r="T44" s="281"/>
      <c r="U44" s="281"/>
      <c r="V44" s="281"/>
      <c r="W44" s="281"/>
      <c r="X44" s="281"/>
      <c r="Y44" s="281"/>
      <c r="Z44" s="281"/>
      <c r="AA44" s="281"/>
      <c r="AB44" s="281"/>
      <c r="AC44" s="281"/>
      <c r="AD44" s="281"/>
      <c r="AE44" s="281"/>
      <c r="AF44" s="281"/>
      <c r="AG44" s="281"/>
      <c r="AH44" s="281"/>
      <c r="AI44" s="281"/>
      <c r="AJ44" s="281"/>
      <c r="AK44" s="281"/>
      <c r="AL44" s="281"/>
      <c r="AM44" s="281"/>
      <c r="AN44" s="281"/>
      <c r="AO44" s="281"/>
      <c r="AP44" s="281"/>
      <c r="AQ44" s="281"/>
      <c r="AR44" s="281"/>
      <c r="AS44" s="281"/>
      <c r="AT44" s="281"/>
      <c r="AU44" s="281"/>
      <c r="AV44" s="281"/>
      <c r="AW44" s="281"/>
      <c r="AX44" s="281"/>
      <c r="AY44" s="281"/>
      <c r="AZ44" s="281"/>
      <c r="BA44" s="281"/>
      <c r="BB44" s="281"/>
      <c r="BC44" s="281"/>
      <c r="BD44" s="281"/>
      <c r="BE44" s="281"/>
      <c r="BF44" s="281"/>
      <c r="BG44" s="281"/>
      <c r="BH44" s="281"/>
      <c r="BI44" s="281"/>
      <c r="BJ44" s="281"/>
      <c r="BK44" s="281"/>
      <c r="BL44" s="281"/>
      <c r="BM44" s="281"/>
      <c r="BN44" s="281"/>
      <c r="BO44" s="281"/>
      <c r="BP44" s="281"/>
      <c r="BQ44" s="281"/>
      <c r="BR44" s="281"/>
      <c r="BS44" s="281"/>
      <c r="BT44" s="281"/>
      <c r="BU44" s="281"/>
      <c r="BV44" s="281"/>
      <c r="BW44" s="281"/>
      <c r="BX44" s="281"/>
      <c r="BY44" s="281"/>
      <c r="BZ44" s="281"/>
      <c r="CA44" s="281"/>
      <c r="CB44" s="281"/>
      <c r="CC44" s="281"/>
      <c r="CD44" s="281"/>
      <c r="CE44" s="281"/>
      <c r="CF44" s="281"/>
      <c r="CG44" s="281"/>
      <c r="CH44" s="281"/>
      <c r="CI44" s="281"/>
      <c r="CJ44" s="281"/>
      <c r="CK44" s="281"/>
      <c r="CL44" s="281"/>
      <c r="CM44" s="281"/>
      <c r="CN44" s="281"/>
      <c r="CO44" s="281"/>
      <c r="CP44" s="281"/>
      <c r="CQ44" s="281"/>
      <c r="CR44" s="12"/>
      <c r="CS44" s="12"/>
      <c r="CT44" s="12"/>
      <c r="CU44" s="12"/>
      <c r="CV44" s="12"/>
      <c r="CW44" s="12"/>
      <c r="CX44" s="12"/>
      <c r="DI44" s="13"/>
      <c r="DJ44" s="13"/>
      <c r="DK44" s="13"/>
      <c r="DL44" s="13"/>
      <c r="DM44" s="13"/>
      <c r="DN44" s="13"/>
      <c r="DO44" s="13"/>
      <c r="DP44" s="13"/>
      <c r="DQ44" s="13"/>
      <c r="DR44" s="13"/>
      <c r="DS44" s="11"/>
      <c r="DT44" s="11"/>
      <c r="DU44" s="11"/>
      <c r="DV44" s="11"/>
      <c r="DW44" s="11"/>
      <c r="DX44" s="11"/>
      <c r="DY44" s="11"/>
      <c r="DZ44" s="11"/>
      <c r="EA44" s="11"/>
      <c r="EB44" s="11"/>
      <c r="EC44" s="11"/>
      <c r="ED44" s="11"/>
      <c r="EE44" s="11"/>
      <c r="EF44" s="11"/>
      <c r="EG44" s="11"/>
      <c r="EH44" s="11"/>
      <c r="EI44" s="11"/>
      <c r="EJ44" s="11"/>
      <c r="EK44" s="11"/>
      <c r="EL44" s="11"/>
      <c r="EM44" s="11"/>
      <c r="EN44" s="9"/>
      <c r="EO44" s="9"/>
      <c r="EP44" s="9"/>
      <c r="EQ44" s="9"/>
      <c r="ER44" s="9"/>
    </row>
    <row r="45" spans="1:148" s="8" customFormat="1" ht="7.5" customHeight="1" x14ac:dyDescent="0.55000000000000004">
      <c r="A45" s="276"/>
      <c r="B45" s="276"/>
      <c r="C45" s="276"/>
      <c r="D45" s="276"/>
      <c r="E45" s="276"/>
      <c r="F45" s="276"/>
      <c r="G45" s="276"/>
      <c r="H45" s="276"/>
      <c r="I45" s="276"/>
      <c r="J45" s="276"/>
      <c r="K45" s="280"/>
      <c r="L45" s="280"/>
      <c r="M45" s="280"/>
      <c r="N45" s="281"/>
      <c r="O45" s="281"/>
      <c r="P45" s="281"/>
      <c r="Q45" s="281"/>
      <c r="R45" s="281"/>
      <c r="S45" s="281"/>
      <c r="T45" s="281"/>
      <c r="U45" s="281"/>
      <c r="V45" s="281"/>
      <c r="W45" s="281"/>
      <c r="X45" s="281"/>
      <c r="Y45" s="281"/>
      <c r="Z45" s="281"/>
      <c r="AA45" s="281"/>
      <c r="AB45" s="281"/>
      <c r="AC45" s="281"/>
      <c r="AD45" s="281"/>
      <c r="AE45" s="281"/>
      <c r="AF45" s="281"/>
      <c r="AG45" s="281"/>
      <c r="AH45" s="281"/>
      <c r="AI45" s="281"/>
      <c r="AJ45" s="281"/>
      <c r="AK45" s="281"/>
      <c r="AL45" s="281"/>
      <c r="AM45" s="281"/>
      <c r="AN45" s="281"/>
      <c r="AO45" s="281"/>
      <c r="AP45" s="281"/>
      <c r="AQ45" s="281"/>
      <c r="AR45" s="281"/>
      <c r="AS45" s="281"/>
      <c r="AT45" s="281"/>
      <c r="AU45" s="281"/>
      <c r="AV45" s="281"/>
      <c r="AW45" s="281"/>
      <c r="AX45" s="281"/>
      <c r="AY45" s="281"/>
      <c r="AZ45" s="281"/>
      <c r="BA45" s="281"/>
      <c r="BB45" s="281"/>
      <c r="BC45" s="281"/>
      <c r="BD45" s="281"/>
      <c r="BE45" s="281"/>
      <c r="BF45" s="281"/>
      <c r="BG45" s="281"/>
      <c r="BH45" s="281"/>
      <c r="BI45" s="281"/>
      <c r="BJ45" s="281"/>
      <c r="BK45" s="281"/>
      <c r="BL45" s="281"/>
      <c r="BM45" s="281"/>
      <c r="BN45" s="281"/>
      <c r="BO45" s="281"/>
      <c r="BP45" s="281"/>
      <c r="BQ45" s="281"/>
      <c r="BR45" s="281"/>
      <c r="BS45" s="281"/>
      <c r="BT45" s="281"/>
      <c r="BU45" s="281"/>
      <c r="BV45" s="281"/>
      <c r="BW45" s="281"/>
      <c r="BX45" s="281"/>
      <c r="BY45" s="281"/>
      <c r="BZ45" s="281"/>
      <c r="CA45" s="281"/>
      <c r="CB45" s="281"/>
      <c r="CC45" s="281"/>
      <c r="CD45" s="281"/>
      <c r="CE45" s="281"/>
      <c r="CF45" s="281"/>
      <c r="CG45" s="281"/>
      <c r="CH45" s="281"/>
      <c r="CI45" s="281"/>
      <c r="CJ45" s="281"/>
      <c r="CK45" s="281"/>
      <c r="CL45" s="281"/>
      <c r="CM45" s="281"/>
      <c r="CN45" s="281"/>
      <c r="CO45" s="281"/>
      <c r="CP45" s="281"/>
      <c r="CQ45" s="281"/>
      <c r="CR45" s="12"/>
      <c r="CS45" s="12"/>
      <c r="CT45" s="12"/>
      <c r="CU45" s="12"/>
      <c r="CV45" s="12"/>
      <c r="CW45" s="12"/>
      <c r="CX45" s="12"/>
      <c r="DI45" s="14"/>
      <c r="DJ45" s="14"/>
      <c r="DK45" s="14"/>
      <c r="DL45" s="14"/>
      <c r="DM45" s="14"/>
      <c r="DN45" s="14"/>
      <c r="DO45" s="14"/>
      <c r="DP45" s="14"/>
      <c r="DQ45" s="14"/>
      <c r="DR45" s="14"/>
      <c r="DS45" s="11"/>
      <c r="DT45" s="11"/>
      <c r="DU45" s="11"/>
      <c r="DV45" s="11"/>
      <c r="DW45" s="11"/>
      <c r="DX45" s="11"/>
      <c r="DY45" s="11"/>
      <c r="DZ45" s="11"/>
      <c r="EA45" s="11"/>
      <c r="EB45" s="11"/>
      <c r="EC45" s="11"/>
      <c r="ED45" s="11"/>
      <c r="EE45" s="11"/>
      <c r="EF45" s="11"/>
      <c r="EG45" s="11"/>
      <c r="EH45" s="11"/>
      <c r="EI45" s="11"/>
      <c r="EJ45" s="11"/>
      <c r="EK45" s="11"/>
      <c r="EL45" s="11"/>
      <c r="EM45" s="11"/>
      <c r="EN45" s="9"/>
      <c r="EO45" s="9"/>
      <c r="EP45" s="9"/>
      <c r="EQ45" s="9"/>
      <c r="ER45" s="9"/>
    </row>
    <row r="46" spans="1:148" s="8" customFormat="1" ht="7.5" customHeight="1" x14ac:dyDescent="0.55000000000000004">
      <c r="A46" s="276"/>
      <c r="B46" s="276"/>
      <c r="C46" s="276"/>
      <c r="D46" s="276"/>
      <c r="E46" s="276"/>
      <c r="F46" s="276"/>
      <c r="G46" s="276"/>
      <c r="H46" s="276"/>
      <c r="I46" s="276"/>
      <c r="J46" s="276"/>
      <c r="K46" s="280" t="s">
        <v>20</v>
      </c>
      <c r="L46" s="280"/>
      <c r="M46" s="280"/>
      <c r="N46" s="281" t="s">
        <v>18</v>
      </c>
      <c r="O46" s="281"/>
      <c r="P46" s="281"/>
      <c r="Q46" s="281"/>
      <c r="R46" s="281"/>
      <c r="S46" s="281"/>
      <c r="T46" s="281"/>
      <c r="U46" s="281"/>
      <c r="V46" s="281"/>
      <c r="W46" s="281"/>
      <c r="X46" s="281"/>
      <c r="Y46" s="281"/>
      <c r="Z46" s="281"/>
      <c r="AA46" s="281"/>
      <c r="AB46" s="281"/>
      <c r="AC46" s="281"/>
      <c r="AD46" s="281"/>
      <c r="AE46" s="281"/>
      <c r="AF46" s="281"/>
      <c r="AG46" s="281"/>
      <c r="AH46" s="281"/>
      <c r="AI46" s="281"/>
      <c r="AJ46" s="281"/>
      <c r="AK46" s="281"/>
      <c r="AL46" s="281"/>
      <c r="AM46" s="281"/>
      <c r="AN46" s="281"/>
      <c r="AO46" s="281"/>
      <c r="AP46" s="281"/>
      <c r="AQ46" s="281"/>
      <c r="AR46" s="281"/>
      <c r="AS46" s="281"/>
      <c r="AT46" s="281"/>
      <c r="AU46" s="281"/>
      <c r="AV46" s="281"/>
      <c r="AW46" s="281"/>
      <c r="AX46" s="281"/>
      <c r="AY46" s="281"/>
      <c r="AZ46" s="281"/>
      <c r="BA46" s="281"/>
      <c r="BB46" s="281"/>
      <c r="BC46" s="281"/>
      <c r="BD46" s="281"/>
      <c r="BE46" s="281"/>
      <c r="BF46" s="281" t="s">
        <v>19</v>
      </c>
      <c r="BG46" s="281"/>
      <c r="BH46" s="281"/>
      <c r="BI46" s="281"/>
      <c r="BJ46" s="281"/>
      <c r="BK46" s="281"/>
      <c r="BL46" s="281"/>
      <c r="BM46" s="281"/>
      <c r="BN46" s="281"/>
      <c r="BO46" s="281"/>
      <c r="BP46" s="281"/>
      <c r="BQ46" s="281"/>
      <c r="BR46" s="281"/>
      <c r="BS46" s="281"/>
      <c r="BT46" s="281"/>
      <c r="BU46" s="281"/>
      <c r="BV46" s="281"/>
      <c r="BW46" s="281"/>
      <c r="BX46" s="281"/>
      <c r="BY46" s="281"/>
      <c r="BZ46" s="281"/>
      <c r="CA46" s="281"/>
      <c r="CB46" s="281"/>
      <c r="CC46" s="281"/>
      <c r="CD46" s="281"/>
      <c r="CE46" s="281"/>
      <c r="CF46" s="281"/>
      <c r="CG46" s="281"/>
      <c r="CH46" s="281"/>
      <c r="CI46" s="281"/>
      <c r="CJ46" s="281"/>
      <c r="CK46" s="281"/>
      <c r="CL46" s="281"/>
      <c r="CM46" s="281"/>
      <c r="CN46" s="281"/>
      <c r="CO46" s="281"/>
      <c r="CP46" s="281"/>
      <c r="CQ46" s="281"/>
      <c r="CR46" s="9"/>
      <c r="CS46" s="9"/>
      <c r="CT46" s="9"/>
      <c r="CU46" s="9"/>
      <c r="CV46" s="9"/>
      <c r="CW46" s="9"/>
      <c r="CX46" s="9"/>
      <c r="CY46" s="9"/>
      <c r="CZ46" s="9"/>
      <c r="DA46" s="9"/>
      <c r="DB46" s="9"/>
      <c r="DC46" s="9"/>
      <c r="DD46" s="9"/>
      <c r="DE46" s="9"/>
      <c r="DF46" s="9"/>
      <c r="DG46" s="9"/>
      <c r="DH46" s="9"/>
      <c r="DI46" s="9"/>
      <c r="DJ46" s="9"/>
      <c r="DK46" s="9"/>
      <c r="DL46" s="9"/>
      <c r="DM46" s="9"/>
      <c r="DN46" s="9"/>
    </row>
    <row r="47" spans="1:148" s="8" customFormat="1" ht="7.5" customHeight="1" x14ac:dyDescent="0.55000000000000004">
      <c r="A47" s="276"/>
      <c r="B47" s="276"/>
      <c r="C47" s="276"/>
      <c r="D47" s="276"/>
      <c r="E47" s="276"/>
      <c r="F47" s="276"/>
      <c r="G47" s="276"/>
      <c r="H47" s="276"/>
      <c r="I47" s="276"/>
      <c r="J47" s="276"/>
      <c r="K47" s="280"/>
      <c r="L47" s="280"/>
      <c r="M47" s="280"/>
      <c r="N47" s="281"/>
      <c r="O47" s="281"/>
      <c r="P47" s="281"/>
      <c r="Q47" s="281"/>
      <c r="R47" s="281"/>
      <c r="S47" s="281"/>
      <c r="T47" s="281"/>
      <c r="U47" s="281"/>
      <c r="V47" s="281"/>
      <c r="W47" s="281"/>
      <c r="X47" s="281"/>
      <c r="Y47" s="281"/>
      <c r="Z47" s="281"/>
      <c r="AA47" s="281"/>
      <c r="AB47" s="281"/>
      <c r="AC47" s="281"/>
      <c r="AD47" s="281"/>
      <c r="AE47" s="281"/>
      <c r="AF47" s="281"/>
      <c r="AG47" s="281"/>
      <c r="AH47" s="281"/>
      <c r="AI47" s="281"/>
      <c r="AJ47" s="281"/>
      <c r="AK47" s="281"/>
      <c r="AL47" s="281"/>
      <c r="AM47" s="281"/>
      <c r="AN47" s="281"/>
      <c r="AO47" s="281"/>
      <c r="AP47" s="281"/>
      <c r="AQ47" s="281"/>
      <c r="AR47" s="281"/>
      <c r="AS47" s="281"/>
      <c r="AT47" s="281"/>
      <c r="AU47" s="281"/>
      <c r="AV47" s="281"/>
      <c r="AW47" s="281"/>
      <c r="AX47" s="281"/>
      <c r="AY47" s="281"/>
      <c r="AZ47" s="281"/>
      <c r="BA47" s="281"/>
      <c r="BB47" s="281"/>
      <c r="BC47" s="281"/>
      <c r="BD47" s="281"/>
      <c r="BE47" s="281"/>
      <c r="BF47" s="281"/>
      <c r="BG47" s="281"/>
      <c r="BH47" s="281"/>
      <c r="BI47" s="281"/>
      <c r="BJ47" s="281"/>
      <c r="BK47" s="281"/>
      <c r="BL47" s="281"/>
      <c r="BM47" s="281"/>
      <c r="BN47" s="281"/>
      <c r="BO47" s="281"/>
      <c r="BP47" s="281"/>
      <c r="BQ47" s="281"/>
      <c r="BR47" s="281"/>
      <c r="BS47" s="281"/>
      <c r="BT47" s="281"/>
      <c r="BU47" s="281"/>
      <c r="BV47" s="281"/>
      <c r="BW47" s="281"/>
      <c r="BX47" s="281"/>
      <c r="BY47" s="281"/>
      <c r="BZ47" s="281"/>
      <c r="CA47" s="281"/>
      <c r="CB47" s="281"/>
      <c r="CC47" s="281"/>
      <c r="CD47" s="281"/>
      <c r="CE47" s="281"/>
      <c r="CF47" s="281"/>
      <c r="CG47" s="281"/>
      <c r="CH47" s="281"/>
      <c r="CI47" s="281"/>
      <c r="CJ47" s="281"/>
      <c r="CK47" s="281"/>
      <c r="CL47" s="281"/>
      <c r="CM47" s="281"/>
      <c r="CN47" s="281"/>
      <c r="CO47" s="281"/>
      <c r="CP47" s="281"/>
      <c r="CQ47" s="281"/>
      <c r="CR47" s="15"/>
      <c r="CS47" s="15"/>
      <c r="CT47" s="15"/>
      <c r="CU47" s="15"/>
      <c r="CV47" s="15"/>
      <c r="CW47" s="15"/>
      <c r="CX47" s="15"/>
      <c r="CY47" s="15"/>
      <c r="CZ47" s="15"/>
      <c r="DA47" s="15"/>
      <c r="DB47" s="15"/>
      <c r="DC47" s="15"/>
      <c r="DD47" s="15"/>
      <c r="DE47" s="15"/>
      <c r="DF47" s="15"/>
      <c r="DG47" s="16"/>
      <c r="DH47" s="16"/>
      <c r="DI47" s="16"/>
      <c r="DJ47" s="16"/>
      <c r="DK47" s="16"/>
      <c r="DL47" s="16"/>
      <c r="DM47" s="16"/>
      <c r="DN47" s="16"/>
      <c r="DO47" s="14"/>
      <c r="DP47" s="14"/>
      <c r="DQ47" s="14"/>
      <c r="DR47" s="14"/>
      <c r="DS47" s="14"/>
      <c r="DT47" s="14"/>
      <c r="DU47" s="14"/>
      <c r="DV47" s="14"/>
      <c r="DW47" s="14"/>
      <c r="DX47" s="14"/>
      <c r="DY47" s="14"/>
      <c r="DZ47" s="14"/>
      <c r="EA47" s="14"/>
      <c r="EB47" s="14"/>
      <c r="EC47" s="14"/>
      <c r="ED47" s="14"/>
      <c r="EE47" s="14"/>
      <c r="EF47" s="14"/>
      <c r="EG47" s="14"/>
      <c r="EH47" s="14"/>
      <c r="EI47" s="14"/>
      <c r="EJ47" s="14"/>
      <c r="EK47" s="14"/>
      <c r="EL47" s="14"/>
      <c r="EM47" s="14"/>
      <c r="EN47" s="14"/>
      <c r="EO47" s="14"/>
      <c r="EP47" s="14"/>
    </row>
    <row r="48" spans="1:148" s="8" customFormat="1" ht="7.5" customHeight="1" x14ac:dyDescent="0.55000000000000004">
      <c r="A48" s="276"/>
      <c r="B48" s="276"/>
      <c r="C48" s="276"/>
      <c r="D48" s="276"/>
      <c r="E48" s="276"/>
      <c r="F48" s="276"/>
      <c r="G48" s="276"/>
      <c r="H48" s="276"/>
      <c r="I48" s="276"/>
      <c r="J48" s="276"/>
      <c r="K48" s="280"/>
      <c r="L48" s="280"/>
      <c r="M48" s="280"/>
      <c r="N48" s="281"/>
      <c r="O48" s="281"/>
      <c r="P48" s="281"/>
      <c r="Q48" s="281"/>
      <c r="R48" s="281"/>
      <c r="S48" s="281"/>
      <c r="T48" s="281"/>
      <c r="U48" s="281"/>
      <c r="V48" s="281"/>
      <c r="W48" s="281"/>
      <c r="X48" s="281"/>
      <c r="Y48" s="281"/>
      <c r="Z48" s="281"/>
      <c r="AA48" s="281"/>
      <c r="AB48" s="281"/>
      <c r="AC48" s="281"/>
      <c r="AD48" s="281"/>
      <c r="AE48" s="281"/>
      <c r="AF48" s="281"/>
      <c r="AG48" s="281"/>
      <c r="AH48" s="281"/>
      <c r="AI48" s="281"/>
      <c r="AJ48" s="281"/>
      <c r="AK48" s="281"/>
      <c r="AL48" s="281"/>
      <c r="AM48" s="281"/>
      <c r="AN48" s="281"/>
      <c r="AO48" s="281"/>
      <c r="AP48" s="281"/>
      <c r="AQ48" s="281"/>
      <c r="AR48" s="281"/>
      <c r="AS48" s="281"/>
      <c r="AT48" s="281"/>
      <c r="AU48" s="281"/>
      <c r="AV48" s="281"/>
      <c r="AW48" s="281"/>
      <c r="AX48" s="281"/>
      <c r="AY48" s="281"/>
      <c r="AZ48" s="281"/>
      <c r="BA48" s="281"/>
      <c r="BB48" s="281"/>
      <c r="BC48" s="281"/>
      <c r="BD48" s="281"/>
      <c r="BE48" s="281"/>
      <c r="BF48" s="281"/>
      <c r="BG48" s="281"/>
      <c r="BH48" s="281"/>
      <c r="BI48" s="281"/>
      <c r="BJ48" s="281"/>
      <c r="BK48" s="281"/>
      <c r="BL48" s="281"/>
      <c r="BM48" s="281"/>
      <c r="BN48" s="281"/>
      <c r="BO48" s="281"/>
      <c r="BP48" s="281"/>
      <c r="BQ48" s="281"/>
      <c r="BR48" s="281"/>
      <c r="BS48" s="281"/>
      <c r="BT48" s="281"/>
      <c r="BU48" s="281"/>
      <c r="BV48" s="281"/>
      <c r="BW48" s="281"/>
      <c r="BX48" s="281"/>
      <c r="BY48" s="281"/>
      <c r="BZ48" s="281"/>
      <c r="CA48" s="281"/>
      <c r="CB48" s="281"/>
      <c r="CC48" s="281"/>
      <c r="CD48" s="281"/>
      <c r="CE48" s="281"/>
      <c r="CF48" s="281"/>
      <c r="CG48" s="281"/>
      <c r="CH48" s="281"/>
      <c r="CI48" s="281"/>
      <c r="CJ48" s="281"/>
      <c r="CK48" s="281"/>
      <c r="CL48" s="281"/>
      <c r="CM48" s="281"/>
      <c r="CN48" s="281"/>
      <c r="CO48" s="281"/>
      <c r="CP48" s="281"/>
      <c r="CQ48" s="281"/>
      <c r="CR48" s="15"/>
      <c r="CS48" s="15"/>
      <c r="CT48" s="15"/>
      <c r="CU48" s="15"/>
      <c r="CV48" s="15"/>
      <c r="CW48" s="15"/>
      <c r="CX48" s="15"/>
      <c r="CY48" s="15"/>
      <c r="CZ48" s="15"/>
      <c r="DA48" s="15"/>
      <c r="DE48" s="15"/>
      <c r="DF48" s="15"/>
      <c r="DG48" s="16"/>
      <c r="DH48" s="16"/>
      <c r="DI48" s="16"/>
      <c r="DJ48" s="16"/>
      <c r="DK48" s="16"/>
      <c r="DL48" s="16"/>
      <c r="DM48" s="16"/>
      <c r="DN48" s="16"/>
      <c r="DO48" s="14"/>
      <c r="DP48" s="14"/>
      <c r="DQ48" s="14"/>
      <c r="DR48" s="14"/>
      <c r="DS48" s="14"/>
      <c r="DT48" s="14"/>
      <c r="DU48" s="14"/>
      <c r="DV48" s="14"/>
      <c r="DW48" s="14"/>
      <c r="DX48" s="14"/>
      <c r="DY48" s="14"/>
      <c r="DZ48" s="14"/>
      <c r="EA48" s="14"/>
      <c r="EB48" s="14"/>
      <c r="EC48" s="14"/>
      <c r="ED48" s="14"/>
      <c r="EE48" s="14"/>
      <c r="EF48" s="14"/>
      <c r="EG48" s="14"/>
      <c r="EH48" s="14"/>
      <c r="EI48" s="14"/>
      <c r="EJ48" s="14"/>
      <c r="EK48" s="14"/>
      <c r="EL48" s="14"/>
      <c r="EM48" s="14"/>
      <c r="EN48" s="14"/>
      <c r="EO48" s="14"/>
      <c r="EP48" s="14"/>
    </row>
    <row r="49" spans="1:162" s="8" customFormat="1" ht="7.5" customHeight="1" x14ac:dyDescent="0.55000000000000004">
      <c r="A49" s="17"/>
      <c r="B49" s="17"/>
      <c r="C49" s="17"/>
      <c r="D49" s="17"/>
      <c r="E49" s="17"/>
      <c r="F49" s="17"/>
      <c r="G49" s="17"/>
      <c r="H49" s="17"/>
      <c r="I49" s="17"/>
      <c r="J49" s="17"/>
      <c r="K49" s="18"/>
      <c r="L49" s="18"/>
      <c r="M49" s="18"/>
      <c r="N49" s="19"/>
      <c r="O49" s="19"/>
      <c r="P49" s="19"/>
      <c r="Q49" s="19"/>
      <c r="R49" s="19"/>
      <c r="S49" s="19"/>
      <c r="T49" s="19"/>
      <c r="U49" s="19"/>
      <c r="V49" s="19"/>
      <c r="W49" s="19"/>
      <c r="X49" s="19"/>
      <c r="Y49" s="19"/>
      <c r="Z49" s="19"/>
      <c r="AA49" s="19"/>
      <c r="AB49" s="19"/>
      <c r="AC49" s="19"/>
      <c r="AD49" s="19"/>
      <c r="AE49" s="19"/>
      <c r="AF49" s="19"/>
      <c r="AG49" s="19"/>
      <c r="AH49" s="19"/>
      <c r="AI49" s="19"/>
      <c r="AJ49" s="19"/>
      <c r="AK49" s="19"/>
      <c r="AL49" s="19"/>
      <c r="AM49" s="19"/>
      <c r="AN49" s="19"/>
      <c r="AO49" s="19"/>
      <c r="AP49" s="19"/>
      <c r="AQ49" s="19"/>
      <c r="AR49" s="19"/>
      <c r="AS49" s="19"/>
      <c r="AT49" s="19"/>
      <c r="AU49" s="19"/>
      <c r="AV49" s="19"/>
      <c r="AW49" s="19"/>
      <c r="AX49" s="19"/>
      <c r="AY49" s="19"/>
      <c r="AZ49" s="19"/>
      <c r="BA49" s="19"/>
      <c r="BB49" s="19"/>
      <c r="BC49" s="19"/>
      <c r="BD49" s="19"/>
      <c r="BE49" s="19"/>
      <c r="BF49" s="19"/>
      <c r="BG49" s="19"/>
      <c r="BH49" s="19"/>
      <c r="BI49" s="19"/>
      <c r="BJ49" s="19"/>
      <c r="BK49" s="19"/>
      <c r="BL49" s="19"/>
      <c r="BM49" s="19"/>
      <c r="BN49" s="19"/>
      <c r="BO49" s="19"/>
      <c r="BP49" s="19"/>
      <c r="BQ49" s="19"/>
      <c r="BR49" s="19"/>
      <c r="BS49" s="19"/>
      <c r="BT49" s="19"/>
      <c r="BU49" s="19"/>
      <c r="BV49" s="19"/>
      <c r="BW49" s="19"/>
      <c r="BX49" s="19"/>
      <c r="BY49" s="19"/>
      <c r="BZ49" s="19"/>
      <c r="CA49" s="19"/>
      <c r="CB49" s="19"/>
      <c r="CC49" s="19"/>
      <c r="CD49" s="19"/>
      <c r="CE49" s="19"/>
      <c r="CF49" s="19"/>
      <c r="CG49" s="20"/>
      <c r="CH49" s="20"/>
      <c r="CI49" s="20"/>
      <c r="CJ49" s="20"/>
      <c r="CK49" s="20"/>
      <c r="CL49" s="20"/>
      <c r="CM49" s="20"/>
      <c r="CN49" s="14"/>
      <c r="CO49" s="15"/>
      <c r="CP49" s="15"/>
      <c r="CQ49" s="15"/>
      <c r="CR49" s="15"/>
      <c r="CS49" s="15"/>
      <c r="CT49" s="15"/>
      <c r="CU49" s="15"/>
      <c r="CV49" s="15"/>
      <c r="CW49" s="15"/>
      <c r="CX49" s="15"/>
      <c r="CY49" s="15"/>
      <c r="CZ49" s="15"/>
      <c r="DA49" s="15"/>
      <c r="DE49" s="15"/>
      <c r="DF49" s="15"/>
      <c r="DG49" s="16"/>
      <c r="DH49" s="16"/>
      <c r="DI49" s="16"/>
      <c r="DJ49" s="16"/>
      <c r="DK49" s="16"/>
      <c r="DL49" s="16"/>
      <c r="DM49" s="16"/>
      <c r="DN49" s="16"/>
      <c r="DO49" s="14"/>
      <c r="DP49" s="14"/>
      <c r="DQ49" s="14"/>
      <c r="DR49" s="14"/>
      <c r="DS49" s="14"/>
      <c r="DT49" s="14"/>
      <c r="DU49" s="14"/>
      <c r="DV49" s="14"/>
      <c r="DW49" s="14"/>
      <c r="DX49" s="14"/>
      <c r="DY49" s="14"/>
      <c r="DZ49" s="14"/>
      <c r="EA49" s="14"/>
      <c r="EB49" s="14"/>
      <c r="EC49" s="14"/>
      <c r="ED49" s="14"/>
      <c r="EE49" s="14"/>
      <c r="EF49" s="14"/>
      <c r="EG49" s="14"/>
      <c r="EH49" s="14"/>
      <c r="EI49" s="14"/>
      <c r="EJ49" s="14"/>
      <c r="EK49" s="14"/>
      <c r="EL49" s="14"/>
      <c r="EM49" s="14"/>
      <c r="EN49" s="14"/>
      <c r="EO49" s="14"/>
      <c r="EP49" s="14"/>
    </row>
    <row r="50" spans="1:162" s="8" customFormat="1" ht="19.75" customHeight="1" x14ac:dyDescent="0.45">
      <c r="A50" s="208" t="s">
        <v>100</v>
      </c>
      <c r="B50" s="208"/>
      <c r="C50" s="208"/>
      <c r="D50" s="208"/>
      <c r="E50" s="208"/>
      <c r="F50" s="208"/>
      <c r="G50" s="208"/>
      <c r="H50" s="208"/>
      <c r="I50" s="208"/>
      <c r="J50" s="208"/>
      <c r="K50" s="208"/>
      <c r="L50" s="208"/>
      <c r="M50" s="208"/>
      <c r="N50" s="208"/>
      <c r="O50" s="208"/>
      <c r="P50" s="208"/>
      <c r="Q50" s="208"/>
      <c r="R50" s="208"/>
      <c r="S50" s="208"/>
      <c r="T50" s="208"/>
      <c r="U50" s="208"/>
      <c r="V50" s="208"/>
      <c r="W50" s="208"/>
      <c r="X50" s="208"/>
      <c r="Y50" s="208"/>
      <c r="Z50" s="208"/>
      <c r="AA50" s="208"/>
      <c r="AB50" s="208"/>
      <c r="AC50" s="208"/>
      <c r="AD50" s="208"/>
      <c r="AE50" s="208"/>
      <c r="AF50" s="208"/>
      <c r="AG50" s="208"/>
      <c r="AH50" s="208"/>
      <c r="AI50" s="208"/>
      <c r="AJ50" s="208"/>
      <c r="AK50" s="208"/>
      <c r="AL50" s="208"/>
      <c r="AM50" s="208"/>
      <c r="AN50" s="208"/>
      <c r="AO50" s="208"/>
      <c r="AP50" s="208"/>
      <c r="AQ50" s="208"/>
      <c r="AR50" s="208"/>
      <c r="AS50" s="208"/>
      <c r="AT50" s="208"/>
      <c r="AU50" s="208"/>
      <c r="AV50" s="208"/>
      <c r="AW50" s="208"/>
      <c r="AX50" s="208"/>
      <c r="AY50" s="208"/>
      <c r="AZ50" s="208"/>
      <c r="BA50" s="208"/>
      <c r="BB50" s="208"/>
      <c r="BC50" s="208"/>
      <c r="BD50" s="208"/>
      <c r="BE50" s="208"/>
      <c r="BF50" s="208"/>
      <c r="BG50" s="208"/>
      <c r="BH50" s="208"/>
      <c r="BI50" s="208"/>
      <c r="BJ50" s="208"/>
      <c r="BK50" s="208"/>
      <c r="BL50" s="208"/>
      <c r="BM50" s="208"/>
      <c r="BN50" s="208"/>
      <c r="BO50" s="208"/>
      <c r="BP50" s="208"/>
      <c r="BQ50" s="208"/>
      <c r="BR50" s="208"/>
      <c r="BS50" s="208"/>
      <c r="BT50" s="208"/>
      <c r="BU50" s="208"/>
      <c r="BV50" s="208"/>
      <c r="BW50" s="208"/>
      <c r="BX50" s="208"/>
      <c r="BY50" s="208"/>
      <c r="BZ50" s="208"/>
      <c r="CA50" s="208"/>
      <c r="CB50" s="208"/>
      <c r="CC50" s="208"/>
      <c r="CD50" s="208"/>
      <c r="CE50" s="208"/>
      <c r="CF50" s="208"/>
      <c r="CG50" s="208"/>
      <c r="CH50" s="208"/>
      <c r="CI50" s="208"/>
      <c r="CJ50" s="208"/>
      <c r="CK50" s="208"/>
      <c r="CL50" s="208"/>
      <c r="CM50" s="208"/>
      <c r="CN50" s="208"/>
      <c r="CO50" s="208"/>
      <c r="CP50" s="208"/>
      <c r="CQ50" s="208"/>
      <c r="CR50" s="15"/>
      <c r="CS50" s="15"/>
      <c r="CT50" s="15"/>
      <c r="CU50" s="15"/>
      <c r="EE50" s="21"/>
      <c r="EF50" s="21"/>
      <c r="EG50" s="21"/>
      <c r="EH50" s="21"/>
      <c r="EI50" s="21"/>
      <c r="EJ50" s="21"/>
      <c r="EK50" s="21"/>
      <c r="EL50" s="21"/>
      <c r="EM50" s="21"/>
      <c r="EN50" s="21"/>
      <c r="EO50" s="21"/>
      <c r="EP50" s="21"/>
      <c r="EU50" s="14"/>
      <c r="EV50" s="13"/>
      <c r="EW50" s="13"/>
      <c r="EX50" s="13"/>
      <c r="EY50" s="13"/>
      <c r="EZ50" s="13"/>
      <c r="FA50" s="13"/>
      <c r="FB50" s="13"/>
      <c r="FC50" s="13"/>
      <c r="FD50" s="13"/>
      <c r="FE50" s="13"/>
      <c r="FF50" s="13"/>
    </row>
    <row r="51" spans="1:162" s="8" customFormat="1" ht="8.5" customHeight="1" x14ac:dyDescent="0.55000000000000004">
      <c r="A51" s="263" t="s">
        <v>21</v>
      </c>
      <c r="B51" s="263"/>
      <c r="C51" s="263"/>
      <c r="D51" s="265" t="s">
        <v>163</v>
      </c>
      <c r="E51" s="266"/>
      <c r="F51" s="266"/>
      <c r="G51" s="266"/>
      <c r="H51" s="266"/>
      <c r="I51" s="266"/>
      <c r="J51" s="266"/>
      <c r="K51" s="266"/>
      <c r="L51" s="266"/>
      <c r="M51" s="266"/>
      <c r="N51" s="266"/>
      <c r="O51" s="266"/>
      <c r="P51" s="266"/>
      <c r="Q51" s="266"/>
      <c r="R51" s="266"/>
      <c r="S51" s="266"/>
      <c r="T51" s="266"/>
      <c r="U51" s="266"/>
      <c r="V51" s="266"/>
      <c r="W51" s="202" t="s">
        <v>166</v>
      </c>
      <c r="X51" s="202"/>
      <c r="Y51" s="202"/>
      <c r="Z51" s="202"/>
      <c r="AA51" s="202"/>
      <c r="AB51" s="202"/>
      <c r="AC51" s="202"/>
      <c r="AD51" s="202"/>
      <c r="AE51" s="204" t="s">
        <v>167</v>
      </c>
      <c r="AF51" s="204"/>
      <c r="AG51" s="204"/>
      <c r="AH51" s="204"/>
      <c r="AI51" s="204"/>
      <c r="AJ51" s="204"/>
      <c r="AK51" s="204"/>
      <c r="AL51" s="204" t="s">
        <v>168</v>
      </c>
      <c r="AM51" s="204"/>
      <c r="AN51" s="204"/>
      <c r="AO51" s="204"/>
      <c r="AP51" s="204"/>
      <c r="AQ51" s="204"/>
      <c r="AR51" s="204"/>
      <c r="AS51" s="204"/>
      <c r="AT51" s="204"/>
      <c r="AU51" s="204"/>
      <c r="AV51" s="204"/>
      <c r="AW51" s="204"/>
      <c r="AX51" s="204"/>
      <c r="AY51" s="204"/>
      <c r="AZ51" s="204"/>
      <c r="BA51" s="204"/>
      <c r="BB51" s="204"/>
      <c r="BC51" s="204"/>
      <c r="BD51" s="206"/>
      <c r="BE51" s="264" t="s">
        <v>22</v>
      </c>
      <c r="BF51" s="264"/>
      <c r="BG51" s="264"/>
      <c r="BH51" s="271" t="s">
        <v>169</v>
      </c>
      <c r="BI51" s="271"/>
      <c r="BJ51" s="271"/>
      <c r="BK51" s="271"/>
      <c r="BL51" s="271"/>
      <c r="BM51" s="271"/>
      <c r="BN51" s="271"/>
      <c r="BO51" s="271"/>
      <c r="BP51" s="271"/>
      <c r="BQ51" s="271"/>
      <c r="BR51" s="271"/>
      <c r="BS51" s="271"/>
      <c r="BT51" s="271"/>
      <c r="BU51" s="271"/>
      <c r="BV51" s="271"/>
      <c r="BW51" s="271"/>
      <c r="BX51" s="271"/>
      <c r="BY51" s="271"/>
      <c r="BZ51" s="271"/>
      <c r="CA51" s="271"/>
      <c r="CB51" s="271"/>
      <c r="CC51" s="271"/>
      <c r="CD51" s="271"/>
      <c r="CE51" s="271"/>
      <c r="CF51" s="271"/>
      <c r="CG51" s="271"/>
      <c r="CH51" s="271"/>
      <c r="CI51" s="271"/>
      <c r="CJ51" s="271"/>
      <c r="CK51" s="271"/>
      <c r="CL51" s="271"/>
      <c r="CM51" s="271"/>
      <c r="CN51" s="271"/>
      <c r="CO51" s="271"/>
      <c r="CP51" s="271"/>
      <c r="CQ51" s="271"/>
      <c r="CR51" s="15"/>
      <c r="CS51" s="15"/>
      <c r="CT51" s="15"/>
      <c r="CU51" s="15"/>
      <c r="EE51" s="21"/>
      <c r="EF51" s="21"/>
      <c r="EG51" s="21"/>
      <c r="EH51" s="21"/>
      <c r="EI51" s="21"/>
      <c r="EJ51" s="21"/>
      <c r="EK51" s="21"/>
      <c r="EL51" s="21"/>
      <c r="EM51" s="21"/>
      <c r="EN51" s="21"/>
      <c r="EO51" s="21"/>
      <c r="EP51" s="21"/>
      <c r="EU51" s="13"/>
      <c r="EV51" s="13"/>
      <c r="EW51" s="13"/>
      <c r="EX51" s="13"/>
      <c r="EY51" s="13"/>
      <c r="EZ51" s="13"/>
      <c r="FA51" s="13"/>
      <c r="FB51" s="13"/>
      <c r="FC51" s="13"/>
      <c r="FD51" s="13"/>
      <c r="FE51" s="13"/>
      <c r="FF51" s="13"/>
    </row>
    <row r="52" spans="1:162" s="8" customFormat="1" ht="8.5" customHeight="1" x14ac:dyDescent="0.55000000000000004">
      <c r="A52" s="263"/>
      <c r="B52" s="263"/>
      <c r="C52" s="263"/>
      <c r="D52" s="220"/>
      <c r="E52" s="221"/>
      <c r="F52" s="221"/>
      <c r="G52" s="221"/>
      <c r="H52" s="221"/>
      <c r="I52" s="221"/>
      <c r="J52" s="221"/>
      <c r="K52" s="221"/>
      <c r="L52" s="221"/>
      <c r="M52" s="221"/>
      <c r="N52" s="221"/>
      <c r="O52" s="221"/>
      <c r="P52" s="221"/>
      <c r="Q52" s="221"/>
      <c r="R52" s="221"/>
      <c r="S52" s="221"/>
      <c r="T52" s="221"/>
      <c r="U52" s="221"/>
      <c r="V52" s="221"/>
      <c r="W52" s="203"/>
      <c r="X52" s="203"/>
      <c r="Y52" s="203"/>
      <c r="Z52" s="203"/>
      <c r="AA52" s="203"/>
      <c r="AB52" s="203"/>
      <c r="AC52" s="203"/>
      <c r="AD52" s="203"/>
      <c r="AE52" s="205"/>
      <c r="AF52" s="205"/>
      <c r="AG52" s="205"/>
      <c r="AH52" s="205"/>
      <c r="AI52" s="205"/>
      <c r="AJ52" s="205"/>
      <c r="AK52" s="205"/>
      <c r="AL52" s="205"/>
      <c r="AM52" s="205"/>
      <c r="AN52" s="205"/>
      <c r="AO52" s="205"/>
      <c r="AP52" s="205"/>
      <c r="AQ52" s="205"/>
      <c r="AR52" s="205"/>
      <c r="AS52" s="205"/>
      <c r="AT52" s="205"/>
      <c r="AU52" s="205"/>
      <c r="AV52" s="205"/>
      <c r="AW52" s="205"/>
      <c r="AX52" s="205"/>
      <c r="AY52" s="205"/>
      <c r="AZ52" s="205"/>
      <c r="BA52" s="205"/>
      <c r="BB52" s="205"/>
      <c r="BC52" s="205"/>
      <c r="BD52" s="207"/>
      <c r="BE52" s="264"/>
      <c r="BF52" s="264"/>
      <c r="BG52" s="264"/>
      <c r="BH52" s="226"/>
      <c r="BI52" s="226"/>
      <c r="BJ52" s="226"/>
      <c r="BK52" s="226"/>
      <c r="BL52" s="226"/>
      <c r="BM52" s="226"/>
      <c r="BN52" s="226"/>
      <c r="BO52" s="226"/>
      <c r="BP52" s="226"/>
      <c r="BQ52" s="226"/>
      <c r="BR52" s="226"/>
      <c r="BS52" s="226"/>
      <c r="BT52" s="226"/>
      <c r="BU52" s="226"/>
      <c r="BV52" s="226"/>
      <c r="BW52" s="226"/>
      <c r="BX52" s="226"/>
      <c r="BY52" s="226"/>
      <c r="BZ52" s="226"/>
      <c r="CA52" s="226"/>
      <c r="CB52" s="226"/>
      <c r="CC52" s="226"/>
      <c r="CD52" s="226"/>
      <c r="CE52" s="226"/>
      <c r="CF52" s="226"/>
      <c r="CG52" s="226"/>
      <c r="CH52" s="226"/>
      <c r="CI52" s="226"/>
      <c r="CJ52" s="226"/>
      <c r="CK52" s="226"/>
      <c r="CL52" s="226"/>
      <c r="CM52" s="226"/>
      <c r="CN52" s="226"/>
      <c r="CO52" s="226"/>
      <c r="CP52" s="226"/>
      <c r="CQ52" s="226"/>
      <c r="CR52" s="15"/>
      <c r="CS52" s="15"/>
      <c r="CT52" s="15"/>
      <c r="CU52" s="15"/>
      <c r="EE52" s="21"/>
      <c r="EF52" s="21"/>
      <c r="EG52" s="21"/>
      <c r="EH52" s="21"/>
      <c r="EI52" s="21"/>
      <c r="EJ52" s="21"/>
      <c r="EK52" s="21"/>
      <c r="EL52" s="21"/>
      <c r="EM52" s="21"/>
      <c r="EN52" s="21"/>
      <c r="EO52" s="21"/>
      <c r="EP52" s="21"/>
      <c r="EU52" s="13"/>
      <c r="EV52" s="13"/>
      <c r="EW52" s="13"/>
      <c r="EX52" s="13"/>
      <c r="EY52" s="13"/>
      <c r="EZ52" s="13"/>
      <c r="FA52" s="13"/>
      <c r="FB52" s="13"/>
      <c r="FC52" s="13"/>
      <c r="FD52" s="13"/>
      <c r="FE52" s="13"/>
      <c r="FF52" s="13"/>
    </row>
    <row r="53" spans="1:162" s="8" customFormat="1" ht="8.5" customHeight="1" x14ac:dyDescent="0.55000000000000004">
      <c r="A53" s="263"/>
      <c r="B53" s="263"/>
      <c r="C53" s="263"/>
      <c r="D53" s="220"/>
      <c r="E53" s="221"/>
      <c r="F53" s="221"/>
      <c r="G53" s="221"/>
      <c r="H53" s="221"/>
      <c r="I53" s="221"/>
      <c r="J53" s="221"/>
      <c r="K53" s="221"/>
      <c r="L53" s="221"/>
      <c r="M53" s="221"/>
      <c r="N53" s="221"/>
      <c r="O53" s="221"/>
      <c r="P53" s="221"/>
      <c r="Q53" s="221"/>
      <c r="R53" s="221"/>
      <c r="S53" s="221"/>
      <c r="T53" s="221"/>
      <c r="U53" s="221"/>
      <c r="V53" s="221"/>
      <c r="W53" s="203"/>
      <c r="X53" s="203"/>
      <c r="Y53" s="203"/>
      <c r="Z53" s="203"/>
      <c r="AA53" s="203"/>
      <c r="AB53" s="203"/>
      <c r="AC53" s="203"/>
      <c r="AD53" s="203"/>
      <c r="AE53" s="205"/>
      <c r="AF53" s="205"/>
      <c r="AG53" s="205"/>
      <c r="AH53" s="205"/>
      <c r="AI53" s="205"/>
      <c r="AJ53" s="205"/>
      <c r="AK53" s="205"/>
      <c r="AL53" s="205"/>
      <c r="AM53" s="205"/>
      <c r="AN53" s="205"/>
      <c r="AO53" s="205"/>
      <c r="AP53" s="205"/>
      <c r="AQ53" s="205"/>
      <c r="AR53" s="205"/>
      <c r="AS53" s="205"/>
      <c r="AT53" s="205"/>
      <c r="AU53" s="205"/>
      <c r="AV53" s="205"/>
      <c r="AW53" s="205"/>
      <c r="AX53" s="205"/>
      <c r="AY53" s="205"/>
      <c r="AZ53" s="205"/>
      <c r="BA53" s="205"/>
      <c r="BB53" s="205"/>
      <c r="BC53" s="205"/>
      <c r="BD53" s="207"/>
      <c r="BE53" s="264"/>
      <c r="BF53" s="264"/>
      <c r="BG53" s="264"/>
      <c r="BH53" s="190" t="s">
        <v>109</v>
      </c>
      <c r="BI53" s="190"/>
      <c r="BJ53" s="190"/>
      <c r="BK53" s="190"/>
      <c r="BL53" s="190"/>
      <c r="BM53" s="190"/>
      <c r="BN53" s="190"/>
      <c r="BO53" s="190"/>
      <c r="BP53" s="190"/>
      <c r="BQ53" s="190"/>
      <c r="BR53" s="190"/>
      <c r="BS53" s="190"/>
      <c r="BT53" s="190"/>
      <c r="BU53" s="190"/>
      <c r="BV53" s="190"/>
      <c r="BW53" s="190"/>
      <c r="BX53" s="190"/>
      <c r="BY53" s="190"/>
      <c r="BZ53" s="190"/>
      <c r="CA53" s="190"/>
      <c r="CB53" s="190"/>
      <c r="CC53" s="190"/>
      <c r="CD53" s="190"/>
      <c r="CE53" s="190"/>
      <c r="CF53" s="190"/>
      <c r="CG53" s="190"/>
      <c r="CH53" s="190"/>
      <c r="CI53" s="190"/>
      <c r="CJ53" s="190"/>
      <c r="CK53" s="190"/>
      <c r="CL53" s="190"/>
      <c r="CM53" s="190"/>
      <c r="CN53" s="190"/>
      <c r="CO53" s="190"/>
      <c r="CP53" s="190"/>
      <c r="CQ53" s="190"/>
      <c r="CR53" s="15"/>
      <c r="CS53" s="15"/>
      <c r="CT53" s="15"/>
      <c r="CU53" s="15"/>
      <c r="EE53" s="21"/>
      <c r="EF53" s="21"/>
      <c r="EG53" s="21"/>
      <c r="EH53" s="21"/>
      <c r="EI53" s="21"/>
      <c r="EJ53" s="21"/>
      <c r="EK53" s="21"/>
      <c r="EL53" s="21"/>
      <c r="EM53" s="21"/>
      <c r="EN53" s="21"/>
      <c r="EO53" s="21"/>
      <c r="EP53" s="21"/>
      <c r="EU53" s="14"/>
      <c r="EV53" s="13"/>
      <c r="EW53" s="13"/>
      <c r="EX53" s="13"/>
      <c r="EY53" s="13"/>
      <c r="EZ53" s="13"/>
      <c r="FA53" s="13"/>
      <c r="FB53" s="13"/>
      <c r="FC53" s="13"/>
      <c r="FD53" s="13"/>
      <c r="FE53" s="13"/>
      <c r="FF53" s="13"/>
    </row>
    <row r="54" spans="1:162" s="8" customFormat="1" ht="8.5" customHeight="1" x14ac:dyDescent="0.55000000000000004">
      <c r="A54" s="263"/>
      <c r="B54" s="263"/>
      <c r="C54" s="263"/>
      <c r="D54" s="220" t="s">
        <v>162</v>
      </c>
      <c r="E54" s="221"/>
      <c r="F54" s="221"/>
      <c r="G54" s="221"/>
      <c r="H54" s="221"/>
      <c r="I54" s="221"/>
      <c r="J54" s="221"/>
      <c r="K54" s="221"/>
      <c r="L54" s="221"/>
      <c r="M54" s="221"/>
      <c r="N54" s="221"/>
      <c r="O54" s="221"/>
      <c r="P54" s="221"/>
      <c r="Q54" s="221"/>
      <c r="R54" s="221"/>
      <c r="S54" s="221"/>
      <c r="T54" s="221"/>
      <c r="U54" s="221"/>
      <c r="V54" s="221"/>
      <c r="W54" s="202" t="s">
        <v>166</v>
      </c>
      <c r="X54" s="202"/>
      <c r="Y54" s="202"/>
      <c r="Z54" s="202"/>
      <c r="AA54" s="202"/>
      <c r="AB54" s="202"/>
      <c r="AC54" s="202"/>
      <c r="AD54" s="202"/>
      <c r="AE54" s="204" t="s">
        <v>167</v>
      </c>
      <c r="AF54" s="204"/>
      <c r="AG54" s="204"/>
      <c r="AH54" s="204"/>
      <c r="AI54" s="204"/>
      <c r="AJ54" s="204"/>
      <c r="AK54" s="204"/>
      <c r="AL54" s="204" t="s">
        <v>168</v>
      </c>
      <c r="AM54" s="204"/>
      <c r="AN54" s="204"/>
      <c r="AO54" s="204"/>
      <c r="AP54" s="204"/>
      <c r="AQ54" s="204"/>
      <c r="AR54" s="204"/>
      <c r="AS54" s="204"/>
      <c r="AT54" s="204"/>
      <c r="AU54" s="204"/>
      <c r="AV54" s="204"/>
      <c r="AW54" s="204"/>
      <c r="AX54" s="204"/>
      <c r="AY54" s="204"/>
      <c r="AZ54" s="204"/>
      <c r="BA54" s="204"/>
      <c r="BB54" s="204"/>
      <c r="BC54" s="204"/>
      <c r="BD54" s="206"/>
      <c r="BE54" s="264"/>
      <c r="BF54" s="264"/>
      <c r="BG54" s="264"/>
      <c r="BH54" s="190"/>
      <c r="BI54" s="190"/>
      <c r="BJ54" s="190"/>
      <c r="BK54" s="190"/>
      <c r="BL54" s="190"/>
      <c r="BM54" s="190"/>
      <c r="BN54" s="190"/>
      <c r="BO54" s="190"/>
      <c r="BP54" s="190"/>
      <c r="BQ54" s="190"/>
      <c r="BR54" s="190"/>
      <c r="BS54" s="190"/>
      <c r="BT54" s="190"/>
      <c r="BU54" s="190"/>
      <c r="BV54" s="190"/>
      <c r="BW54" s="190"/>
      <c r="BX54" s="190"/>
      <c r="BY54" s="190"/>
      <c r="BZ54" s="190"/>
      <c r="CA54" s="190"/>
      <c r="CB54" s="190"/>
      <c r="CC54" s="190"/>
      <c r="CD54" s="190"/>
      <c r="CE54" s="190"/>
      <c r="CF54" s="190"/>
      <c r="CG54" s="190"/>
      <c r="CH54" s="190"/>
      <c r="CI54" s="190"/>
      <c r="CJ54" s="190"/>
      <c r="CK54" s="190"/>
      <c r="CL54" s="190"/>
      <c r="CM54" s="190"/>
      <c r="CN54" s="190"/>
      <c r="CO54" s="190"/>
      <c r="CP54" s="190"/>
      <c r="CQ54" s="190"/>
      <c r="CR54" s="16"/>
      <c r="CS54" s="16"/>
      <c r="CT54" s="16"/>
      <c r="CU54" s="16"/>
      <c r="EE54" s="22"/>
      <c r="EF54" s="22"/>
      <c r="EG54" s="22"/>
      <c r="EH54" s="22"/>
      <c r="EI54" s="22"/>
      <c r="EJ54" s="22"/>
      <c r="EK54" s="22"/>
      <c r="EL54" s="22"/>
      <c r="EM54" s="22"/>
      <c r="EN54" s="22"/>
      <c r="EO54" s="22"/>
      <c r="EP54" s="22"/>
      <c r="EU54" s="13"/>
      <c r="EV54" s="13"/>
      <c r="EW54" s="13"/>
      <c r="EX54" s="13"/>
      <c r="EY54" s="13"/>
      <c r="EZ54" s="13"/>
      <c r="FA54" s="13"/>
      <c r="FB54" s="13"/>
      <c r="FC54" s="13"/>
      <c r="FD54" s="13"/>
      <c r="FE54" s="13"/>
      <c r="FF54" s="13"/>
    </row>
    <row r="55" spans="1:162" s="8" customFormat="1" ht="8.5" customHeight="1" x14ac:dyDescent="0.55000000000000004">
      <c r="A55" s="263"/>
      <c r="B55" s="263"/>
      <c r="C55" s="263"/>
      <c r="D55" s="220"/>
      <c r="E55" s="221"/>
      <c r="F55" s="221"/>
      <c r="G55" s="221"/>
      <c r="H55" s="221"/>
      <c r="I55" s="221"/>
      <c r="J55" s="221"/>
      <c r="K55" s="221"/>
      <c r="L55" s="221"/>
      <c r="M55" s="221"/>
      <c r="N55" s="221"/>
      <c r="O55" s="221"/>
      <c r="P55" s="221"/>
      <c r="Q55" s="221"/>
      <c r="R55" s="221"/>
      <c r="S55" s="221"/>
      <c r="T55" s="221"/>
      <c r="U55" s="221"/>
      <c r="V55" s="221"/>
      <c r="W55" s="203"/>
      <c r="X55" s="203"/>
      <c r="Y55" s="203"/>
      <c r="Z55" s="203"/>
      <c r="AA55" s="203"/>
      <c r="AB55" s="203"/>
      <c r="AC55" s="203"/>
      <c r="AD55" s="203"/>
      <c r="AE55" s="205"/>
      <c r="AF55" s="205"/>
      <c r="AG55" s="205"/>
      <c r="AH55" s="205"/>
      <c r="AI55" s="205"/>
      <c r="AJ55" s="205"/>
      <c r="AK55" s="205"/>
      <c r="AL55" s="205"/>
      <c r="AM55" s="205"/>
      <c r="AN55" s="205"/>
      <c r="AO55" s="205"/>
      <c r="AP55" s="205"/>
      <c r="AQ55" s="205"/>
      <c r="AR55" s="205"/>
      <c r="AS55" s="205"/>
      <c r="AT55" s="205"/>
      <c r="AU55" s="205"/>
      <c r="AV55" s="205"/>
      <c r="AW55" s="205"/>
      <c r="AX55" s="205"/>
      <c r="AY55" s="205"/>
      <c r="AZ55" s="205"/>
      <c r="BA55" s="205"/>
      <c r="BB55" s="205"/>
      <c r="BC55" s="205"/>
      <c r="BD55" s="207"/>
      <c r="BE55" s="264"/>
      <c r="BF55" s="264"/>
      <c r="BG55" s="264"/>
      <c r="BH55" s="190"/>
      <c r="BI55" s="190"/>
      <c r="BJ55" s="190"/>
      <c r="BK55" s="190"/>
      <c r="BL55" s="190"/>
      <c r="BM55" s="190"/>
      <c r="BN55" s="190"/>
      <c r="BO55" s="190"/>
      <c r="BP55" s="190"/>
      <c r="BQ55" s="190"/>
      <c r="BR55" s="190"/>
      <c r="BS55" s="190"/>
      <c r="BT55" s="190"/>
      <c r="BU55" s="190"/>
      <c r="BV55" s="190"/>
      <c r="BW55" s="190"/>
      <c r="BX55" s="190"/>
      <c r="BY55" s="190"/>
      <c r="BZ55" s="190"/>
      <c r="CA55" s="190"/>
      <c r="CB55" s="190"/>
      <c r="CC55" s="190"/>
      <c r="CD55" s="190"/>
      <c r="CE55" s="190"/>
      <c r="CF55" s="190"/>
      <c r="CG55" s="190"/>
      <c r="CH55" s="190"/>
      <c r="CI55" s="190"/>
      <c r="CJ55" s="190"/>
      <c r="CK55" s="190"/>
      <c r="CL55" s="190"/>
      <c r="CM55" s="190"/>
      <c r="CN55" s="190"/>
      <c r="CO55" s="190"/>
      <c r="CP55" s="190"/>
      <c r="CQ55" s="190"/>
      <c r="CR55" s="16"/>
      <c r="CS55" s="16"/>
      <c r="CT55" s="16"/>
      <c r="CU55" s="16"/>
      <c r="DH55" s="219"/>
      <c r="DI55" s="219"/>
      <c r="DJ55" s="219"/>
      <c r="DK55" s="219"/>
      <c r="DL55" s="219"/>
      <c r="DM55" s="219"/>
      <c r="DN55" s="219"/>
      <c r="DO55" s="219"/>
      <c r="DP55" s="219"/>
      <c r="DQ55" s="219"/>
      <c r="DR55" s="219"/>
      <c r="DS55" s="219"/>
      <c r="DT55" s="219"/>
      <c r="DU55" s="219"/>
      <c r="DV55" s="219"/>
      <c r="DW55" s="219"/>
      <c r="DX55" s="219"/>
      <c r="DY55" s="219"/>
      <c r="DZ55" s="219"/>
      <c r="EA55" s="219"/>
      <c r="EB55" s="219"/>
      <c r="EC55" s="219"/>
      <c r="ED55" s="219"/>
      <c r="EE55" s="219"/>
      <c r="EF55" s="219"/>
      <c r="EG55" s="219"/>
      <c r="EH55" s="219"/>
      <c r="EI55" s="219"/>
      <c r="EJ55" s="219"/>
      <c r="EK55" s="219"/>
      <c r="EL55" s="219"/>
      <c r="EM55" s="219"/>
      <c r="EN55" s="219"/>
      <c r="EO55" s="219"/>
      <c r="EP55" s="219"/>
      <c r="EQ55" s="219"/>
      <c r="EU55" s="13"/>
      <c r="EV55" s="13"/>
      <c r="EW55" s="13"/>
      <c r="EX55" s="13"/>
      <c r="EY55" s="13"/>
      <c r="EZ55" s="13"/>
      <c r="FA55" s="13"/>
      <c r="FB55" s="13"/>
      <c r="FC55" s="13"/>
      <c r="FD55" s="13"/>
      <c r="FE55" s="13"/>
      <c r="FF55" s="13"/>
    </row>
    <row r="56" spans="1:162" s="8" customFormat="1" ht="8.5" customHeight="1" x14ac:dyDescent="0.55000000000000004">
      <c r="A56" s="263"/>
      <c r="B56" s="263"/>
      <c r="C56" s="263"/>
      <c r="D56" s="220"/>
      <c r="E56" s="221"/>
      <c r="F56" s="221"/>
      <c r="G56" s="221"/>
      <c r="H56" s="221"/>
      <c r="I56" s="221"/>
      <c r="J56" s="221"/>
      <c r="K56" s="221"/>
      <c r="L56" s="221"/>
      <c r="M56" s="221"/>
      <c r="N56" s="221"/>
      <c r="O56" s="221"/>
      <c r="P56" s="221"/>
      <c r="Q56" s="221"/>
      <c r="R56" s="221"/>
      <c r="S56" s="221"/>
      <c r="T56" s="221"/>
      <c r="U56" s="221"/>
      <c r="V56" s="221"/>
      <c r="W56" s="203"/>
      <c r="X56" s="203"/>
      <c r="Y56" s="203"/>
      <c r="Z56" s="203"/>
      <c r="AA56" s="203"/>
      <c r="AB56" s="203"/>
      <c r="AC56" s="203"/>
      <c r="AD56" s="203"/>
      <c r="AE56" s="205"/>
      <c r="AF56" s="205"/>
      <c r="AG56" s="205"/>
      <c r="AH56" s="205"/>
      <c r="AI56" s="205"/>
      <c r="AJ56" s="205"/>
      <c r="AK56" s="205"/>
      <c r="AL56" s="205"/>
      <c r="AM56" s="205"/>
      <c r="AN56" s="205"/>
      <c r="AO56" s="205"/>
      <c r="AP56" s="205"/>
      <c r="AQ56" s="205"/>
      <c r="AR56" s="205"/>
      <c r="AS56" s="205"/>
      <c r="AT56" s="205"/>
      <c r="AU56" s="205"/>
      <c r="AV56" s="205"/>
      <c r="AW56" s="205"/>
      <c r="AX56" s="205"/>
      <c r="AY56" s="205"/>
      <c r="AZ56" s="205"/>
      <c r="BA56" s="205"/>
      <c r="BB56" s="205"/>
      <c r="BC56" s="205"/>
      <c r="BD56" s="207"/>
      <c r="BE56" s="264"/>
      <c r="BF56" s="264"/>
      <c r="BG56" s="264"/>
      <c r="BH56" s="224"/>
      <c r="BI56" s="224"/>
      <c r="BJ56" s="224"/>
      <c r="BK56" s="224"/>
      <c r="BL56" s="224"/>
      <c r="BM56" s="224"/>
      <c r="BN56" s="224"/>
      <c r="BO56" s="224"/>
      <c r="BP56" s="224"/>
      <c r="BQ56" s="224"/>
      <c r="BR56" s="224"/>
      <c r="BS56" s="224"/>
      <c r="BT56" s="224"/>
      <c r="BU56" s="224"/>
      <c r="BV56" s="224"/>
      <c r="BW56" s="224"/>
      <c r="BX56" s="224"/>
      <c r="BY56" s="224"/>
      <c r="BZ56" s="224"/>
      <c r="CA56" s="224"/>
      <c r="CB56" s="224"/>
      <c r="CC56" s="224"/>
      <c r="CD56" s="224"/>
      <c r="CE56" s="224"/>
      <c r="CF56" s="224"/>
      <c r="CG56" s="224"/>
      <c r="CH56" s="224"/>
      <c r="CI56" s="224"/>
      <c r="CJ56" s="224"/>
      <c r="CK56" s="224"/>
      <c r="CL56" s="224"/>
      <c r="CM56" s="224"/>
      <c r="CN56" s="224"/>
      <c r="CO56" s="224"/>
      <c r="CP56" s="224"/>
      <c r="CQ56" s="224"/>
      <c r="CR56" s="16"/>
      <c r="CS56" s="16"/>
      <c r="CT56" s="16"/>
      <c r="CU56" s="16"/>
      <c r="DH56" s="219"/>
      <c r="DI56" s="219"/>
      <c r="DJ56" s="219"/>
      <c r="DK56" s="219"/>
      <c r="DL56" s="219"/>
      <c r="DM56" s="219"/>
      <c r="DN56" s="219"/>
      <c r="DO56" s="219"/>
      <c r="DP56" s="219"/>
      <c r="DQ56" s="219"/>
      <c r="DR56" s="219"/>
      <c r="DS56" s="219"/>
      <c r="DT56" s="219"/>
      <c r="DU56" s="219"/>
      <c r="DV56" s="219"/>
      <c r="DW56" s="219"/>
      <c r="DX56" s="219"/>
      <c r="DY56" s="219"/>
      <c r="DZ56" s="219"/>
      <c r="EA56" s="219"/>
      <c r="EB56" s="219"/>
      <c r="EC56" s="219"/>
      <c r="ED56" s="219"/>
      <c r="EE56" s="219"/>
      <c r="EF56" s="219"/>
      <c r="EG56" s="219"/>
      <c r="EH56" s="219"/>
      <c r="EI56" s="219"/>
      <c r="EJ56" s="219"/>
      <c r="EK56" s="219"/>
      <c r="EL56" s="219"/>
      <c r="EM56" s="219"/>
      <c r="EN56" s="219"/>
      <c r="EO56" s="219"/>
      <c r="EP56" s="219"/>
      <c r="EQ56" s="219"/>
      <c r="EU56" s="13"/>
      <c r="EV56" s="13"/>
      <c r="EW56" s="13"/>
      <c r="EX56" s="13"/>
      <c r="EY56" s="13"/>
      <c r="EZ56" s="13"/>
      <c r="FA56" s="13"/>
      <c r="FB56" s="13"/>
      <c r="FC56" s="13"/>
      <c r="FD56" s="13"/>
      <c r="FE56" s="13"/>
      <c r="FF56" s="13"/>
    </row>
    <row r="57" spans="1:162" s="8" customFormat="1" ht="8.5" customHeight="1" x14ac:dyDescent="0.55000000000000004">
      <c r="A57" s="263"/>
      <c r="B57" s="263"/>
      <c r="C57" s="263"/>
      <c r="D57" s="220" t="s">
        <v>102</v>
      </c>
      <c r="E57" s="221"/>
      <c r="F57" s="221"/>
      <c r="G57" s="221"/>
      <c r="H57" s="221"/>
      <c r="I57" s="221"/>
      <c r="J57" s="221"/>
      <c r="K57" s="221"/>
      <c r="L57" s="221"/>
      <c r="M57" s="221"/>
      <c r="N57" s="221"/>
      <c r="O57" s="221"/>
      <c r="P57" s="221"/>
      <c r="Q57" s="221"/>
      <c r="R57" s="221"/>
      <c r="S57" s="221"/>
      <c r="T57" s="221"/>
      <c r="U57" s="221"/>
      <c r="V57" s="221"/>
      <c r="W57" s="202" t="s">
        <v>166</v>
      </c>
      <c r="X57" s="202"/>
      <c r="Y57" s="202"/>
      <c r="Z57" s="202"/>
      <c r="AA57" s="202"/>
      <c r="AB57" s="202"/>
      <c r="AC57" s="202"/>
      <c r="AD57" s="202"/>
      <c r="AE57" s="204" t="s">
        <v>167</v>
      </c>
      <c r="AF57" s="204"/>
      <c r="AG57" s="204"/>
      <c r="AH57" s="204"/>
      <c r="AI57" s="204"/>
      <c r="AJ57" s="204"/>
      <c r="AK57" s="204"/>
      <c r="AL57" s="204" t="s">
        <v>168</v>
      </c>
      <c r="AM57" s="204"/>
      <c r="AN57" s="204"/>
      <c r="AO57" s="204"/>
      <c r="AP57" s="204"/>
      <c r="AQ57" s="204"/>
      <c r="AR57" s="204"/>
      <c r="AS57" s="204"/>
      <c r="AT57" s="204"/>
      <c r="AU57" s="204"/>
      <c r="AV57" s="204"/>
      <c r="AW57" s="204"/>
      <c r="AX57" s="204"/>
      <c r="AY57" s="204"/>
      <c r="AZ57" s="204"/>
      <c r="BA57" s="204"/>
      <c r="BB57" s="204"/>
      <c r="BC57" s="204"/>
      <c r="BD57" s="206"/>
      <c r="BE57" s="264"/>
      <c r="BF57" s="264"/>
      <c r="BG57" s="264"/>
      <c r="BH57" s="225" t="s">
        <v>170</v>
      </c>
      <c r="BI57" s="225"/>
      <c r="BJ57" s="225"/>
      <c r="BK57" s="225"/>
      <c r="BL57" s="225"/>
      <c r="BM57" s="225"/>
      <c r="BN57" s="225"/>
      <c r="BO57" s="225"/>
      <c r="BP57" s="225"/>
      <c r="BQ57" s="225"/>
      <c r="BR57" s="225"/>
      <c r="BS57" s="225"/>
      <c r="BT57" s="225"/>
      <c r="BU57" s="225"/>
      <c r="BV57" s="225"/>
      <c r="BW57" s="225"/>
      <c r="BX57" s="225"/>
      <c r="BY57" s="225"/>
      <c r="BZ57" s="225"/>
      <c r="CA57" s="225"/>
      <c r="CB57" s="225"/>
      <c r="CC57" s="225"/>
      <c r="CD57" s="225"/>
      <c r="CE57" s="225"/>
      <c r="CF57" s="225"/>
      <c r="CG57" s="225"/>
      <c r="CH57" s="225"/>
      <c r="CI57" s="225"/>
      <c r="CJ57" s="225"/>
      <c r="CK57" s="225"/>
      <c r="CL57" s="225"/>
      <c r="CM57" s="225"/>
      <c r="CN57" s="225"/>
      <c r="CO57" s="225"/>
      <c r="CP57" s="225"/>
      <c r="CQ57" s="225"/>
      <c r="CR57" s="16"/>
      <c r="CS57" s="16"/>
      <c r="CT57" s="16"/>
      <c r="CU57" s="16"/>
      <c r="DH57" s="219"/>
      <c r="DI57" s="219"/>
      <c r="DJ57" s="219"/>
      <c r="DK57" s="219"/>
      <c r="DL57" s="219"/>
      <c r="DM57" s="219"/>
      <c r="DN57" s="219"/>
      <c r="DO57" s="219"/>
      <c r="DP57" s="219"/>
      <c r="DQ57" s="219"/>
      <c r="DR57" s="219"/>
      <c r="DS57" s="219"/>
      <c r="DT57" s="219"/>
      <c r="DU57" s="219"/>
      <c r="DV57" s="219"/>
      <c r="DW57" s="219"/>
      <c r="DX57" s="219"/>
      <c r="DY57" s="219"/>
      <c r="DZ57" s="219"/>
      <c r="EA57" s="219"/>
      <c r="EB57" s="219"/>
      <c r="EC57" s="219"/>
      <c r="ED57" s="219"/>
      <c r="EE57" s="219"/>
      <c r="EF57" s="219"/>
      <c r="EG57" s="219"/>
      <c r="EH57" s="219"/>
      <c r="EI57" s="219"/>
      <c r="EJ57" s="219"/>
      <c r="EK57" s="219"/>
      <c r="EL57" s="219"/>
      <c r="EM57" s="219"/>
      <c r="EN57" s="219"/>
      <c r="EO57" s="219"/>
      <c r="EP57" s="219"/>
      <c r="EQ57" s="219"/>
      <c r="EU57" s="13"/>
      <c r="EV57" s="13"/>
      <c r="EW57" s="13"/>
      <c r="EX57" s="13"/>
      <c r="EY57" s="13"/>
      <c r="EZ57" s="13"/>
      <c r="FA57" s="13"/>
      <c r="FB57" s="13"/>
      <c r="FC57" s="13"/>
      <c r="FD57" s="13"/>
      <c r="FE57" s="13"/>
      <c r="FF57" s="13"/>
    </row>
    <row r="58" spans="1:162" s="8" customFormat="1" ht="8.5" customHeight="1" x14ac:dyDescent="0.55000000000000004">
      <c r="A58" s="263"/>
      <c r="B58" s="263"/>
      <c r="C58" s="263"/>
      <c r="D58" s="220"/>
      <c r="E58" s="221"/>
      <c r="F58" s="221"/>
      <c r="G58" s="221"/>
      <c r="H58" s="221"/>
      <c r="I58" s="221"/>
      <c r="J58" s="221"/>
      <c r="K58" s="221"/>
      <c r="L58" s="221"/>
      <c r="M58" s="221"/>
      <c r="N58" s="221"/>
      <c r="O58" s="221"/>
      <c r="P58" s="221"/>
      <c r="Q58" s="221"/>
      <c r="R58" s="221"/>
      <c r="S58" s="221"/>
      <c r="T58" s="221"/>
      <c r="U58" s="221"/>
      <c r="V58" s="221"/>
      <c r="W58" s="203"/>
      <c r="X58" s="203"/>
      <c r="Y58" s="203"/>
      <c r="Z58" s="203"/>
      <c r="AA58" s="203"/>
      <c r="AB58" s="203"/>
      <c r="AC58" s="203"/>
      <c r="AD58" s="203"/>
      <c r="AE58" s="205"/>
      <c r="AF58" s="205"/>
      <c r="AG58" s="205"/>
      <c r="AH58" s="205"/>
      <c r="AI58" s="205"/>
      <c r="AJ58" s="205"/>
      <c r="AK58" s="205"/>
      <c r="AL58" s="205"/>
      <c r="AM58" s="205"/>
      <c r="AN58" s="205"/>
      <c r="AO58" s="205"/>
      <c r="AP58" s="205"/>
      <c r="AQ58" s="205"/>
      <c r="AR58" s="205"/>
      <c r="AS58" s="205"/>
      <c r="AT58" s="205"/>
      <c r="AU58" s="205"/>
      <c r="AV58" s="205"/>
      <c r="AW58" s="205"/>
      <c r="AX58" s="205"/>
      <c r="AY58" s="205"/>
      <c r="AZ58" s="205"/>
      <c r="BA58" s="205"/>
      <c r="BB58" s="205"/>
      <c r="BC58" s="205"/>
      <c r="BD58" s="207"/>
      <c r="BE58" s="264"/>
      <c r="BF58" s="264"/>
      <c r="BG58" s="264"/>
      <c r="BH58" s="226"/>
      <c r="BI58" s="226"/>
      <c r="BJ58" s="226"/>
      <c r="BK58" s="226"/>
      <c r="BL58" s="226"/>
      <c r="BM58" s="226"/>
      <c r="BN58" s="226"/>
      <c r="BO58" s="226"/>
      <c r="BP58" s="226"/>
      <c r="BQ58" s="226"/>
      <c r="BR58" s="226"/>
      <c r="BS58" s="226"/>
      <c r="BT58" s="226"/>
      <c r="BU58" s="226"/>
      <c r="BV58" s="226"/>
      <c r="BW58" s="226"/>
      <c r="BX58" s="226"/>
      <c r="BY58" s="226"/>
      <c r="BZ58" s="226"/>
      <c r="CA58" s="226"/>
      <c r="CB58" s="226"/>
      <c r="CC58" s="226"/>
      <c r="CD58" s="226"/>
      <c r="CE58" s="226"/>
      <c r="CF58" s="226"/>
      <c r="CG58" s="226"/>
      <c r="CH58" s="226"/>
      <c r="CI58" s="226"/>
      <c r="CJ58" s="226"/>
      <c r="CK58" s="226"/>
      <c r="CL58" s="226"/>
      <c r="CM58" s="226"/>
      <c r="CN58" s="226"/>
      <c r="CO58" s="226"/>
      <c r="CP58" s="226"/>
      <c r="CQ58" s="226"/>
      <c r="CR58" s="16"/>
      <c r="CS58" s="16"/>
      <c r="CT58" s="16"/>
      <c r="CU58" s="16"/>
      <c r="DH58" s="219"/>
      <c r="DI58" s="219"/>
      <c r="DJ58" s="219"/>
      <c r="DK58" s="219"/>
      <c r="DL58" s="219"/>
      <c r="DM58" s="219"/>
      <c r="DN58" s="219"/>
      <c r="DO58" s="219"/>
      <c r="DP58" s="219"/>
      <c r="DQ58" s="219"/>
      <c r="DR58" s="219"/>
      <c r="DS58" s="219"/>
      <c r="DT58" s="219"/>
      <c r="DU58" s="219"/>
      <c r="DV58" s="219"/>
      <c r="DW58" s="219"/>
      <c r="DX58" s="219"/>
      <c r="DY58" s="219"/>
      <c r="DZ58" s="219"/>
      <c r="EA58" s="219"/>
      <c r="EB58" s="219"/>
      <c r="EC58" s="219"/>
      <c r="ED58" s="219"/>
      <c r="EE58" s="219"/>
      <c r="EF58" s="219"/>
      <c r="EG58" s="219"/>
      <c r="EH58" s="219"/>
      <c r="EI58" s="219"/>
      <c r="EJ58" s="219"/>
      <c r="EK58" s="219"/>
      <c r="EL58" s="219"/>
      <c r="EM58" s="219"/>
      <c r="EN58" s="219"/>
      <c r="EO58" s="219"/>
      <c r="EP58" s="219"/>
      <c r="EQ58" s="219"/>
      <c r="EU58" s="13"/>
      <c r="EV58" s="13"/>
      <c r="EW58" s="13"/>
      <c r="EX58" s="13"/>
      <c r="EY58" s="13"/>
      <c r="EZ58" s="13"/>
      <c r="FA58" s="13"/>
      <c r="FB58" s="13"/>
      <c r="FC58" s="13"/>
      <c r="FD58" s="13"/>
      <c r="FE58" s="13"/>
      <c r="FF58" s="13"/>
    </row>
    <row r="59" spans="1:162" s="8" customFormat="1" ht="8.5" customHeight="1" x14ac:dyDescent="0.55000000000000004">
      <c r="A59" s="263"/>
      <c r="B59" s="263"/>
      <c r="C59" s="263"/>
      <c r="D59" s="220"/>
      <c r="E59" s="221"/>
      <c r="F59" s="221"/>
      <c r="G59" s="221"/>
      <c r="H59" s="221"/>
      <c r="I59" s="221"/>
      <c r="J59" s="221"/>
      <c r="K59" s="221"/>
      <c r="L59" s="221"/>
      <c r="M59" s="221"/>
      <c r="N59" s="221"/>
      <c r="O59" s="221"/>
      <c r="P59" s="221"/>
      <c r="Q59" s="221"/>
      <c r="R59" s="221"/>
      <c r="S59" s="221"/>
      <c r="T59" s="221"/>
      <c r="U59" s="221"/>
      <c r="V59" s="221"/>
      <c r="W59" s="203"/>
      <c r="X59" s="203"/>
      <c r="Y59" s="203"/>
      <c r="Z59" s="203"/>
      <c r="AA59" s="203"/>
      <c r="AB59" s="203"/>
      <c r="AC59" s="203"/>
      <c r="AD59" s="203"/>
      <c r="AE59" s="205"/>
      <c r="AF59" s="205"/>
      <c r="AG59" s="205"/>
      <c r="AH59" s="205"/>
      <c r="AI59" s="205"/>
      <c r="AJ59" s="205"/>
      <c r="AK59" s="205"/>
      <c r="AL59" s="205"/>
      <c r="AM59" s="205"/>
      <c r="AN59" s="205"/>
      <c r="AO59" s="205"/>
      <c r="AP59" s="205"/>
      <c r="AQ59" s="205"/>
      <c r="AR59" s="205"/>
      <c r="AS59" s="205"/>
      <c r="AT59" s="205"/>
      <c r="AU59" s="205"/>
      <c r="AV59" s="205"/>
      <c r="AW59" s="205"/>
      <c r="AX59" s="205"/>
      <c r="AY59" s="205"/>
      <c r="AZ59" s="205"/>
      <c r="BA59" s="205"/>
      <c r="BB59" s="205"/>
      <c r="BC59" s="205"/>
      <c r="BD59" s="207"/>
      <c r="BE59" s="264"/>
      <c r="BF59" s="264"/>
      <c r="BG59" s="264"/>
      <c r="BH59" s="190" t="s">
        <v>109</v>
      </c>
      <c r="BI59" s="190"/>
      <c r="BJ59" s="190"/>
      <c r="BK59" s="190"/>
      <c r="BL59" s="190"/>
      <c r="BM59" s="190"/>
      <c r="BN59" s="190"/>
      <c r="BO59" s="190"/>
      <c r="BP59" s="190"/>
      <c r="BQ59" s="190"/>
      <c r="BR59" s="190"/>
      <c r="BS59" s="190"/>
      <c r="BT59" s="190"/>
      <c r="BU59" s="190"/>
      <c r="BV59" s="190"/>
      <c r="BW59" s="190"/>
      <c r="BX59" s="190"/>
      <c r="BY59" s="190"/>
      <c r="BZ59" s="190"/>
      <c r="CA59" s="190"/>
      <c r="CB59" s="190"/>
      <c r="CC59" s="190"/>
      <c r="CD59" s="190"/>
      <c r="CE59" s="190"/>
      <c r="CF59" s="190"/>
      <c r="CG59" s="190"/>
      <c r="CH59" s="190"/>
      <c r="CI59" s="190"/>
      <c r="CJ59" s="190"/>
      <c r="CK59" s="190"/>
      <c r="CL59" s="190"/>
      <c r="CM59" s="190"/>
      <c r="CN59" s="190"/>
      <c r="CO59" s="190"/>
      <c r="CP59" s="190"/>
      <c r="CQ59" s="190"/>
      <c r="CR59" s="16"/>
      <c r="CS59" s="16"/>
      <c r="CT59" s="16"/>
      <c r="CU59" s="16"/>
      <c r="DE59" s="14"/>
      <c r="DF59" s="14"/>
      <c r="DG59" s="14"/>
      <c r="DH59" s="219"/>
      <c r="DI59" s="219"/>
      <c r="DJ59" s="219"/>
      <c r="DK59" s="219"/>
      <c r="DL59" s="219"/>
      <c r="DM59" s="219"/>
      <c r="DN59" s="219"/>
      <c r="DO59" s="219"/>
      <c r="DP59" s="219"/>
      <c r="DQ59" s="219"/>
      <c r="DR59" s="219"/>
      <c r="DS59" s="219"/>
      <c r="DT59" s="219"/>
      <c r="DU59" s="219"/>
      <c r="DV59" s="219"/>
      <c r="DW59" s="219"/>
      <c r="DX59" s="219"/>
      <c r="DY59" s="219"/>
      <c r="DZ59" s="219"/>
      <c r="EA59" s="219"/>
      <c r="EB59" s="219"/>
      <c r="EC59" s="219"/>
      <c r="ED59" s="219"/>
      <c r="EE59" s="219"/>
      <c r="EF59" s="219"/>
      <c r="EG59" s="219"/>
      <c r="EH59" s="219"/>
      <c r="EI59" s="219"/>
      <c r="EJ59" s="219"/>
      <c r="EK59" s="219"/>
      <c r="EL59" s="219"/>
      <c r="EM59" s="219"/>
      <c r="EN59" s="219"/>
      <c r="EO59" s="219"/>
      <c r="EP59" s="219"/>
      <c r="EQ59" s="219"/>
      <c r="EU59" s="13"/>
      <c r="EV59" s="13"/>
      <c r="EW59" s="13"/>
      <c r="EX59" s="13"/>
      <c r="EY59" s="13"/>
      <c r="EZ59" s="13"/>
      <c r="FA59" s="13"/>
      <c r="FB59" s="13"/>
      <c r="FC59" s="13"/>
      <c r="FD59" s="13"/>
      <c r="FE59" s="13"/>
      <c r="FF59" s="13"/>
    </row>
    <row r="60" spans="1:162" s="8" customFormat="1" ht="8.5" customHeight="1" x14ac:dyDescent="0.55000000000000004">
      <c r="A60" s="263"/>
      <c r="B60" s="263"/>
      <c r="C60" s="263"/>
      <c r="D60" s="220" t="s">
        <v>103</v>
      </c>
      <c r="E60" s="221"/>
      <c r="F60" s="221"/>
      <c r="G60" s="221"/>
      <c r="H60" s="221"/>
      <c r="I60" s="221"/>
      <c r="J60" s="221"/>
      <c r="K60" s="221"/>
      <c r="L60" s="221"/>
      <c r="M60" s="221"/>
      <c r="N60" s="221"/>
      <c r="O60" s="221"/>
      <c r="P60" s="221"/>
      <c r="Q60" s="221"/>
      <c r="R60" s="221"/>
      <c r="S60" s="221"/>
      <c r="T60" s="221"/>
      <c r="U60" s="221"/>
      <c r="V60" s="221"/>
      <c r="W60" s="202" t="s">
        <v>167</v>
      </c>
      <c r="X60" s="202"/>
      <c r="Y60" s="202"/>
      <c r="Z60" s="202"/>
      <c r="AA60" s="202"/>
      <c r="AB60" s="202"/>
      <c r="AC60" s="202"/>
      <c r="AD60" s="202"/>
      <c r="AE60" s="282" t="s">
        <v>161</v>
      </c>
      <c r="AF60" s="283"/>
      <c r="AG60" s="283"/>
      <c r="AH60" s="283"/>
      <c r="AI60" s="283"/>
      <c r="AJ60" s="283"/>
      <c r="AK60" s="283"/>
      <c r="AL60" s="283"/>
      <c r="AM60" s="283"/>
      <c r="AN60" s="283"/>
      <c r="AO60" s="283"/>
      <c r="AP60" s="283"/>
      <c r="AQ60" s="283"/>
      <c r="AR60" s="283"/>
      <c r="AS60" s="283"/>
      <c r="AT60" s="283"/>
      <c r="AU60" s="283"/>
      <c r="AV60" s="283"/>
      <c r="AW60" s="283"/>
      <c r="AX60" s="283"/>
      <c r="AY60" s="283"/>
      <c r="AZ60" s="283"/>
      <c r="BA60" s="283"/>
      <c r="BB60" s="283"/>
      <c r="BC60" s="283"/>
      <c r="BD60" s="284"/>
      <c r="BE60" s="264"/>
      <c r="BF60" s="264"/>
      <c r="BG60" s="264"/>
      <c r="BH60" s="190"/>
      <c r="BI60" s="190"/>
      <c r="BJ60" s="190"/>
      <c r="BK60" s="190"/>
      <c r="BL60" s="190"/>
      <c r="BM60" s="190"/>
      <c r="BN60" s="190"/>
      <c r="BO60" s="190"/>
      <c r="BP60" s="190"/>
      <c r="BQ60" s="190"/>
      <c r="BR60" s="190"/>
      <c r="BS60" s="190"/>
      <c r="BT60" s="190"/>
      <c r="BU60" s="190"/>
      <c r="BV60" s="190"/>
      <c r="BW60" s="190"/>
      <c r="BX60" s="190"/>
      <c r="BY60" s="190"/>
      <c r="BZ60" s="190"/>
      <c r="CA60" s="190"/>
      <c r="CB60" s="190"/>
      <c r="CC60" s="190"/>
      <c r="CD60" s="190"/>
      <c r="CE60" s="190"/>
      <c r="CF60" s="190"/>
      <c r="CG60" s="190"/>
      <c r="CH60" s="190"/>
      <c r="CI60" s="190"/>
      <c r="CJ60" s="190"/>
      <c r="CK60" s="190"/>
      <c r="CL60" s="190"/>
      <c r="CM60" s="190"/>
      <c r="CN60" s="190"/>
      <c r="CO60" s="190"/>
      <c r="CP60" s="190"/>
      <c r="CQ60" s="190"/>
      <c r="CR60" s="16"/>
      <c r="CS60" s="16"/>
      <c r="CT60" s="16"/>
      <c r="CU60" s="16"/>
      <c r="DE60" s="14"/>
      <c r="DF60" s="14"/>
      <c r="DG60" s="14"/>
      <c r="DH60" s="219"/>
      <c r="DI60" s="219"/>
      <c r="DJ60" s="219"/>
      <c r="DK60" s="219"/>
      <c r="DL60" s="219"/>
      <c r="DM60" s="219"/>
      <c r="DN60" s="219"/>
      <c r="DO60" s="219"/>
      <c r="DP60" s="219"/>
      <c r="DQ60" s="219"/>
      <c r="DR60" s="219"/>
      <c r="DS60" s="219"/>
      <c r="DT60" s="219"/>
      <c r="DU60" s="219"/>
      <c r="DV60" s="219"/>
      <c r="DW60" s="219"/>
      <c r="DX60" s="219"/>
      <c r="DY60" s="219"/>
      <c r="DZ60" s="219"/>
      <c r="EA60" s="219"/>
      <c r="EB60" s="219"/>
      <c r="EC60" s="219"/>
      <c r="ED60" s="219"/>
      <c r="EE60" s="219"/>
      <c r="EF60" s="219"/>
      <c r="EG60" s="219"/>
      <c r="EH60" s="219"/>
      <c r="EI60" s="219"/>
      <c r="EJ60" s="219"/>
      <c r="EK60" s="219"/>
      <c r="EL60" s="219"/>
      <c r="EM60" s="219"/>
      <c r="EN60" s="219"/>
      <c r="EO60" s="219"/>
      <c r="EP60" s="219"/>
      <c r="EQ60" s="219"/>
      <c r="EU60" s="13"/>
      <c r="EV60" s="13"/>
      <c r="EW60" s="13"/>
      <c r="EX60" s="13"/>
      <c r="EY60" s="13"/>
      <c r="EZ60" s="13"/>
      <c r="FA60" s="13"/>
      <c r="FB60" s="13"/>
      <c r="FC60" s="13"/>
      <c r="FD60" s="13"/>
      <c r="FE60" s="13"/>
      <c r="FF60" s="13"/>
    </row>
    <row r="61" spans="1:162" s="8" customFormat="1" ht="8.5" customHeight="1" x14ac:dyDescent="0.55000000000000004">
      <c r="A61" s="263"/>
      <c r="B61" s="263"/>
      <c r="C61" s="263"/>
      <c r="D61" s="220"/>
      <c r="E61" s="221"/>
      <c r="F61" s="221"/>
      <c r="G61" s="221"/>
      <c r="H61" s="221"/>
      <c r="I61" s="221"/>
      <c r="J61" s="221"/>
      <c r="K61" s="221"/>
      <c r="L61" s="221"/>
      <c r="M61" s="221"/>
      <c r="N61" s="221"/>
      <c r="O61" s="221"/>
      <c r="P61" s="221"/>
      <c r="Q61" s="221"/>
      <c r="R61" s="221"/>
      <c r="S61" s="221"/>
      <c r="T61" s="221"/>
      <c r="U61" s="221"/>
      <c r="V61" s="221"/>
      <c r="W61" s="203"/>
      <c r="X61" s="203"/>
      <c r="Y61" s="203"/>
      <c r="Z61" s="203"/>
      <c r="AA61" s="203"/>
      <c r="AB61" s="203"/>
      <c r="AC61" s="203"/>
      <c r="AD61" s="203"/>
      <c r="AE61" s="285"/>
      <c r="AF61" s="286"/>
      <c r="AG61" s="286"/>
      <c r="AH61" s="286"/>
      <c r="AI61" s="286"/>
      <c r="AJ61" s="286"/>
      <c r="AK61" s="286"/>
      <c r="AL61" s="286"/>
      <c r="AM61" s="286"/>
      <c r="AN61" s="286"/>
      <c r="AO61" s="286"/>
      <c r="AP61" s="286"/>
      <c r="AQ61" s="286"/>
      <c r="AR61" s="286"/>
      <c r="AS61" s="286"/>
      <c r="AT61" s="286"/>
      <c r="AU61" s="286"/>
      <c r="AV61" s="286"/>
      <c r="AW61" s="286"/>
      <c r="AX61" s="286"/>
      <c r="AY61" s="286"/>
      <c r="AZ61" s="286"/>
      <c r="BA61" s="286"/>
      <c r="BB61" s="286"/>
      <c r="BC61" s="286"/>
      <c r="BD61" s="287"/>
      <c r="BE61" s="264"/>
      <c r="BF61" s="264"/>
      <c r="BG61" s="264"/>
      <c r="BH61" s="190"/>
      <c r="BI61" s="190"/>
      <c r="BJ61" s="190"/>
      <c r="BK61" s="190"/>
      <c r="BL61" s="190"/>
      <c r="BM61" s="190"/>
      <c r="BN61" s="190"/>
      <c r="BO61" s="190"/>
      <c r="BP61" s="190"/>
      <c r="BQ61" s="190"/>
      <c r="BR61" s="190"/>
      <c r="BS61" s="190"/>
      <c r="BT61" s="190"/>
      <c r="BU61" s="190"/>
      <c r="BV61" s="190"/>
      <c r="BW61" s="190"/>
      <c r="BX61" s="190"/>
      <c r="BY61" s="190"/>
      <c r="BZ61" s="190"/>
      <c r="CA61" s="190"/>
      <c r="CB61" s="190"/>
      <c r="CC61" s="190"/>
      <c r="CD61" s="190"/>
      <c r="CE61" s="190"/>
      <c r="CF61" s="190"/>
      <c r="CG61" s="190"/>
      <c r="CH61" s="190"/>
      <c r="CI61" s="190"/>
      <c r="CJ61" s="190"/>
      <c r="CK61" s="190"/>
      <c r="CL61" s="190"/>
      <c r="CM61" s="190"/>
      <c r="CN61" s="190"/>
      <c r="CO61" s="190"/>
      <c r="CP61" s="190"/>
      <c r="CQ61" s="190"/>
      <c r="CR61" s="16"/>
      <c r="CS61" s="16"/>
      <c r="CT61" s="16"/>
      <c r="CU61" s="16"/>
      <c r="DE61" s="14"/>
      <c r="DF61" s="14"/>
      <c r="DG61" s="14"/>
      <c r="DH61" s="219"/>
      <c r="DI61" s="219"/>
      <c r="DJ61" s="219"/>
      <c r="DK61" s="219"/>
      <c r="DL61" s="219"/>
      <c r="DM61" s="219"/>
      <c r="DN61" s="219"/>
      <c r="DO61" s="219"/>
      <c r="DP61" s="219"/>
      <c r="DQ61" s="219"/>
      <c r="DR61" s="219"/>
      <c r="DS61" s="219"/>
      <c r="DT61" s="219"/>
      <c r="DU61" s="219"/>
      <c r="DV61" s="219"/>
      <c r="DW61" s="219"/>
      <c r="DX61" s="219"/>
      <c r="DY61" s="219"/>
      <c r="DZ61" s="219"/>
      <c r="EA61" s="219"/>
      <c r="EB61" s="219"/>
      <c r="EC61" s="219"/>
      <c r="ED61" s="219"/>
      <c r="EE61" s="219"/>
      <c r="EF61" s="219"/>
      <c r="EG61" s="219"/>
      <c r="EH61" s="219"/>
      <c r="EI61" s="219"/>
      <c r="EJ61" s="219"/>
      <c r="EK61" s="219"/>
      <c r="EL61" s="219"/>
      <c r="EM61" s="219"/>
      <c r="EN61" s="219"/>
      <c r="EO61" s="219"/>
      <c r="EP61" s="219"/>
      <c r="EQ61" s="219"/>
      <c r="EU61" s="13"/>
      <c r="EV61" s="13"/>
      <c r="EW61" s="13"/>
      <c r="EX61" s="13"/>
      <c r="EY61" s="13"/>
      <c r="EZ61" s="13"/>
      <c r="FA61" s="13"/>
      <c r="FB61" s="13"/>
      <c r="FC61" s="13"/>
      <c r="FD61" s="13"/>
      <c r="FE61" s="13"/>
      <c r="FF61" s="13"/>
    </row>
    <row r="62" spans="1:162" s="8" customFormat="1" ht="8.5" customHeight="1" x14ac:dyDescent="0.55000000000000004">
      <c r="A62" s="263"/>
      <c r="B62" s="263"/>
      <c r="C62" s="263"/>
      <c r="D62" s="220"/>
      <c r="E62" s="221"/>
      <c r="F62" s="221"/>
      <c r="G62" s="221"/>
      <c r="H62" s="221"/>
      <c r="I62" s="221"/>
      <c r="J62" s="221"/>
      <c r="K62" s="221"/>
      <c r="L62" s="221"/>
      <c r="M62" s="221"/>
      <c r="N62" s="221"/>
      <c r="O62" s="221"/>
      <c r="P62" s="221"/>
      <c r="Q62" s="221"/>
      <c r="R62" s="221"/>
      <c r="S62" s="221"/>
      <c r="T62" s="221"/>
      <c r="U62" s="221"/>
      <c r="V62" s="221"/>
      <c r="W62" s="203"/>
      <c r="X62" s="203"/>
      <c r="Y62" s="203"/>
      <c r="Z62" s="203"/>
      <c r="AA62" s="203"/>
      <c r="AB62" s="203"/>
      <c r="AC62" s="203"/>
      <c r="AD62" s="203"/>
      <c r="AE62" s="288"/>
      <c r="AF62" s="289"/>
      <c r="AG62" s="289"/>
      <c r="AH62" s="289"/>
      <c r="AI62" s="289"/>
      <c r="AJ62" s="289"/>
      <c r="AK62" s="289"/>
      <c r="AL62" s="289"/>
      <c r="AM62" s="289"/>
      <c r="AN62" s="289"/>
      <c r="AO62" s="289"/>
      <c r="AP62" s="289"/>
      <c r="AQ62" s="289"/>
      <c r="AR62" s="289"/>
      <c r="AS62" s="289"/>
      <c r="AT62" s="289"/>
      <c r="AU62" s="289"/>
      <c r="AV62" s="289"/>
      <c r="AW62" s="289"/>
      <c r="AX62" s="289"/>
      <c r="AY62" s="289"/>
      <c r="AZ62" s="289"/>
      <c r="BA62" s="289"/>
      <c r="BB62" s="289"/>
      <c r="BC62" s="289"/>
      <c r="BD62" s="290"/>
      <c r="BE62" s="264"/>
      <c r="BF62" s="264"/>
      <c r="BG62" s="264"/>
      <c r="BH62" s="224"/>
      <c r="BI62" s="224"/>
      <c r="BJ62" s="224"/>
      <c r="BK62" s="224"/>
      <c r="BL62" s="224"/>
      <c r="BM62" s="224"/>
      <c r="BN62" s="224"/>
      <c r="BO62" s="224"/>
      <c r="BP62" s="224"/>
      <c r="BQ62" s="224"/>
      <c r="BR62" s="224"/>
      <c r="BS62" s="224"/>
      <c r="BT62" s="224"/>
      <c r="BU62" s="224"/>
      <c r="BV62" s="224"/>
      <c r="BW62" s="224"/>
      <c r="BX62" s="224"/>
      <c r="BY62" s="224"/>
      <c r="BZ62" s="224"/>
      <c r="CA62" s="224"/>
      <c r="CB62" s="224"/>
      <c r="CC62" s="224"/>
      <c r="CD62" s="224"/>
      <c r="CE62" s="224"/>
      <c r="CF62" s="224"/>
      <c r="CG62" s="224"/>
      <c r="CH62" s="224"/>
      <c r="CI62" s="224"/>
      <c r="CJ62" s="224"/>
      <c r="CK62" s="224"/>
      <c r="CL62" s="224"/>
      <c r="CM62" s="224"/>
      <c r="CN62" s="224"/>
      <c r="CO62" s="224"/>
      <c r="CP62" s="224"/>
      <c r="CQ62" s="224"/>
      <c r="CR62" s="16"/>
      <c r="CS62" s="16"/>
      <c r="CT62" s="16"/>
      <c r="CU62" s="16"/>
      <c r="DE62" s="14"/>
      <c r="DF62" s="14"/>
      <c r="DG62" s="14"/>
      <c r="DH62" s="219"/>
      <c r="DI62" s="219"/>
      <c r="DJ62" s="219"/>
      <c r="DK62" s="219"/>
      <c r="DL62" s="219"/>
      <c r="DM62" s="219"/>
      <c r="DN62" s="219"/>
      <c r="DO62" s="219"/>
      <c r="DP62" s="219"/>
      <c r="DQ62" s="219"/>
      <c r="DR62" s="219"/>
      <c r="DS62" s="219"/>
      <c r="DT62" s="219"/>
      <c r="DU62" s="219"/>
      <c r="DV62" s="219"/>
      <c r="DW62" s="219"/>
      <c r="DX62" s="219"/>
      <c r="DY62" s="219"/>
      <c r="DZ62" s="219"/>
      <c r="EA62" s="219"/>
      <c r="EB62" s="219"/>
      <c r="EC62" s="219"/>
      <c r="ED62" s="219"/>
      <c r="EE62" s="219"/>
      <c r="EF62" s="219"/>
      <c r="EG62" s="219"/>
      <c r="EH62" s="219"/>
      <c r="EI62" s="219"/>
      <c r="EJ62" s="219"/>
      <c r="EK62" s="219"/>
      <c r="EL62" s="219"/>
      <c r="EM62" s="219"/>
      <c r="EN62" s="219"/>
      <c r="EO62" s="219"/>
      <c r="EP62" s="219"/>
      <c r="EQ62" s="219"/>
      <c r="EU62" s="13"/>
      <c r="EV62" s="13"/>
      <c r="EW62" s="13"/>
      <c r="EX62" s="13"/>
      <c r="EY62" s="13"/>
      <c r="EZ62" s="13"/>
      <c r="FA62" s="13"/>
      <c r="FB62" s="13"/>
      <c r="FC62" s="13"/>
      <c r="FD62" s="13"/>
      <c r="FE62" s="13"/>
      <c r="FF62" s="13"/>
    </row>
    <row r="63" spans="1:162" s="8" customFormat="1" ht="8.5" customHeight="1" x14ac:dyDescent="0.55000000000000004">
      <c r="A63" s="263"/>
      <c r="B63" s="263"/>
      <c r="C63" s="263"/>
      <c r="D63" s="220" t="s">
        <v>104</v>
      </c>
      <c r="E63" s="221"/>
      <c r="F63" s="221"/>
      <c r="G63" s="221"/>
      <c r="H63" s="221"/>
      <c r="I63" s="221"/>
      <c r="J63" s="221"/>
      <c r="K63" s="221"/>
      <c r="L63" s="221"/>
      <c r="M63" s="221"/>
      <c r="N63" s="221"/>
      <c r="O63" s="221"/>
      <c r="P63" s="221"/>
      <c r="Q63" s="221"/>
      <c r="R63" s="221"/>
      <c r="S63" s="221"/>
      <c r="T63" s="221"/>
      <c r="U63" s="221"/>
      <c r="V63" s="221"/>
      <c r="W63" s="202" t="s">
        <v>166</v>
      </c>
      <c r="X63" s="202"/>
      <c r="Y63" s="202"/>
      <c r="Z63" s="202"/>
      <c r="AA63" s="202"/>
      <c r="AB63" s="202"/>
      <c r="AC63" s="202"/>
      <c r="AD63" s="202"/>
      <c r="AE63" s="204" t="s">
        <v>167</v>
      </c>
      <c r="AF63" s="204"/>
      <c r="AG63" s="204"/>
      <c r="AH63" s="204"/>
      <c r="AI63" s="204"/>
      <c r="AJ63" s="204"/>
      <c r="AK63" s="204"/>
      <c r="AL63" s="204" t="s">
        <v>168</v>
      </c>
      <c r="AM63" s="204"/>
      <c r="AN63" s="204"/>
      <c r="AO63" s="204"/>
      <c r="AP63" s="204"/>
      <c r="AQ63" s="204"/>
      <c r="AR63" s="204"/>
      <c r="AS63" s="204"/>
      <c r="AT63" s="204"/>
      <c r="AU63" s="204"/>
      <c r="AV63" s="204"/>
      <c r="AW63" s="204"/>
      <c r="AX63" s="204"/>
      <c r="AY63" s="204"/>
      <c r="AZ63" s="204"/>
      <c r="BA63" s="204"/>
      <c r="BB63" s="204"/>
      <c r="BC63" s="204"/>
      <c r="BD63" s="206"/>
      <c r="BE63" s="264"/>
      <c r="BF63" s="264"/>
      <c r="BG63" s="264"/>
      <c r="BH63" s="225" t="s">
        <v>171</v>
      </c>
      <c r="BI63" s="225"/>
      <c r="BJ63" s="225"/>
      <c r="BK63" s="225"/>
      <c r="BL63" s="225"/>
      <c r="BM63" s="225"/>
      <c r="BN63" s="225"/>
      <c r="BO63" s="225"/>
      <c r="BP63" s="225"/>
      <c r="BQ63" s="225"/>
      <c r="BR63" s="225"/>
      <c r="BS63" s="225"/>
      <c r="BT63" s="225"/>
      <c r="BU63" s="225"/>
      <c r="BV63" s="225"/>
      <c r="BW63" s="225"/>
      <c r="BX63" s="225"/>
      <c r="BY63" s="225"/>
      <c r="BZ63" s="225"/>
      <c r="CA63" s="225"/>
      <c r="CB63" s="225"/>
      <c r="CC63" s="225"/>
      <c r="CD63" s="225"/>
      <c r="CE63" s="225"/>
      <c r="CF63" s="225"/>
      <c r="CG63" s="225"/>
      <c r="CH63" s="225"/>
      <c r="CI63" s="225"/>
      <c r="CJ63" s="225"/>
      <c r="CK63" s="225"/>
      <c r="CL63" s="225"/>
      <c r="CM63" s="225"/>
      <c r="CN63" s="225"/>
      <c r="CO63" s="225"/>
      <c r="CP63" s="225"/>
      <c r="CQ63" s="225"/>
      <c r="CR63" s="16"/>
      <c r="CS63" s="16"/>
      <c r="CT63" s="16"/>
      <c r="CU63" s="16"/>
      <c r="DE63" s="14"/>
      <c r="DF63" s="14"/>
      <c r="DG63" s="14"/>
      <c r="DH63" s="219"/>
      <c r="DI63" s="219"/>
      <c r="DJ63" s="219"/>
      <c r="DK63" s="219"/>
      <c r="DL63" s="219"/>
      <c r="DM63" s="219"/>
      <c r="DN63" s="219"/>
      <c r="DO63" s="219"/>
      <c r="DP63" s="219"/>
      <c r="DQ63" s="219"/>
      <c r="DR63" s="219"/>
      <c r="DS63" s="219"/>
      <c r="DT63" s="219"/>
      <c r="DU63" s="219"/>
      <c r="DV63" s="219"/>
      <c r="DW63" s="219"/>
      <c r="DX63" s="219"/>
      <c r="DY63" s="219"/>
      <c r="DZ63" s="219"/>
      <c r="EA63" s="219"/>
      <c r="EB63" s="219"/>
      <c r="EC63" s="219"/>
      <c r="ED63" s="219"/>
      <c r="EE63" s="219"/>
      <c r="EF63" s="219"/>
      <c r="EG63" s="219"/>
      <c r="EH63" s="219"/>
      <c r="EI63" s="219"/>
      <c r="EJ63" s="219"/>
      <c r="EK63" s="219"/>
      <c r="EL63" s="219"/>
      <c r="EM63" s="219"/>
      <c r="EN63" s="219"/>
      <c r="EO63" s="219"/>
      <c r="EP63" s="219"/>
      <c r="EQ63" s="219"/>
      <c r="EU63" s="13"/>
      <c r="EV63" s="13"/>
      <c r="EW63" s="13"/>
      <c r="EX63" s="13"/>
      <c r="EY63" s="13"/>
      <c r="EZ63" s="13"/>
      <c r="FA63" s="13"/>
      <c r="FB63" s="13"/>
      <c r="FC63" s="13"/>
      <c r="FD63" s="13"/>
      <c r="FE63" s="13"/>
      <c r="FF63" s="13"/>
    </row>
    <row r="64" spans="1:162" s="8" customFormat="1" ht="8.5" customHeight="1" x14ac:dyDescent="0.55000000000000004">
      <c r="A64" s="263"/>
      <c r="B64" s="263"/>
      <c r="C64" s="263"/>
      <c r="D64" s="220"/>
      <c r="E64" s="221"/>
      <c r="F64" s="221"/>
      <c r="G64" s="221"/>
      <c r="H64" s="221"/>
      <c r="I64" s="221"/>
      <c r="J64" s="221"/>
      <c r="K64" s="221"/>
      <c r="L64" s="221"/>
      <c r="M64" s="221"/>
      <c r="N64" s="221"/>
      <c r="O64" s="221"/>
      <c r="P64" s="221"/>
      <c r="Q64" s="221"/>
      <c r="R64" s="221"/>
      <c r="S64" s="221"/>
      <c r="T64" s="221"/>
      <c r="U64" s="221"/>
      <c r="V64" s="221"/>
      <c r="W64" s="203"/>
      <c r="X64" s="203"/>
      <c r="Y64" s="203"/>
      <c r="Z64" s="203"/>
      <c r="AA64" s="203"/>
      <c r="AB64" s="203"/>
      <c r="AC64" s="203"/>
      <c r="AD64" s="203"/>
      <c r="AE64" s="205"/>
      <c r="AF64" s="205"/>
      <c r="AG64" s="205"/>
      <c r="AH64" s="205"/>
      <c r="AI64" s="205"/>
      <c r="AJ64" s="205"/>
      <c r="AK64" s="205"/>
      <c r="AL64" s="205"/>
      <c r="AM64" s="205"/>
      <c r="AN64" s="205"/>
      <c r="AO64" s="205"/>
      <c r="AP64" s="205"/>
      <c r="AQ64" s="205"/>
      <c r="AR64" s="205"/>
      <c r="AS64" s="205"/>
      <c r="AT64" s="205"/>
      <c r="AU64" s="205"/>
      <c r="AV64" s="205"/>
      <c r="AW64" s="205"/>
      <c r="AX64" s="205"/>
      <c r="AY64" s="205"/>
      <c r="AZ64" s="205"/>
      <c r="BA64" s="205"/>
      <c r="BB64" s="205"/>
      <c r="BC64" s="205"/>
      <c r="BD64" s="207"/>
      <c r="BE64" s="264"/>
      <c r="BF64" s="264"/>
      <c r="BG64" s="264"/>
      <c r="BH64" s="226"/>
      <c r="BI64" s="226"/>
      <c r="BJ64" s="226"/>
      <c r="BK64" s="226"/>
      <c r="BL64" s="226"/>
      <c r="BM64" s="226"/>
      <c r="BN64" s="226"/>
      <c r="BO64" s="226"/>
      <c r="BP64" s="226"/>
      <c r="BQ64" s="226"/>
      <c r="BR64" s="226"/>
      <c r="BS64" s="226"/>
      <c r="BT64" s="226"/>
      <c r="BU64" s="226"/>
      <c r="BV64" s="226"/>
      <c r="BW64" s="226"/>
      <c r="BX64" s="226"/>
      <c r="BY64" s="226"/>
      <c r="BZ64" s="226"/>
      <c r="CA64" s="226"/>
      <c r="CB64" s="226"/>
      <c r="CC64" s="226"/>
      <c r="CD64" s="226"/>
      <c r="CE64" s="226"/>
      <c r="CF64" s="226"/>
      <c r="CG64" s="226"/>
      <c r="CH64" s="226"/>
      <c r="CI64" s="226"/>
      <c r="CJ64" s="226"/>
      <c r="CK64" s="226"/>
      <c r="CL64" s="226"/>
      <c r="CM64" s="226"/>
      <c r="CN64" s="226"/>
      <c r="CO64" s="226"/>
      <c r="CP64" s="226"/>
      <c r="CQ64" s="226"/>
      <c r="CR64" s="16"/>
      <c r="CS64" s="16"/>
      <c r="CT64" s="16"/>
      <c r="CU64" s="16"/>
      <c r="DE64" s="14"/>
      <c r="DF64" s="14"/>
      <c r="DG64" s="14"/>
      <c r="DH64" s="219"/>
      <c r="DI64" s="219"/>
      <c r="DJ64" s="219"/>
      <c r="DK64" s="219"/>
      <c r="DL64" s="219"/>
      <c r="DM64" s="219"/>
      <c r="DN64" s="219"/>
      <c r="DO64" s="219"/>
      <c r="DP64" s="219"/>
      <c r="DQ64" s="219"/>
      <c r="DR64" s="219"/>
      <c r="DS64" s="219"/>
      <c r="DT64" s="219"/>
      <c r="DU64" s="219"/>
      <c r="DV64" s="219"/>
      <c r="DW64" s="219"/>
      <c r="DX64" s="219"/>
      <c r="DY64" s="219"/>
      <c r="DZ64" s="219"/>
      <c r="EA64" s="219"/>
      <c r="EB64" s="219"/>
      <c r="EC64" s="219"/>
      <c r="ED64" s="219"/>
      <c r="EE64" s="219"/>
      <c r="EF64" s="219"/>
      <c r="EG64" s="219"/>
      <c r="EH64" s="219"/>
      <c r="EI64" s="219"/>
      <c r="EJ64" s="219"/>
      <c r="EK64" s="219"/>
      <c r="EL64" s="219"/>
      <c r="EM64" s="219"/>
      <c r="EN64" s="219"/>
      <c r="EO64" s="219"/>
      <c r="EP64" s="219"/>
      <c r="EQ64" s="219"/>
      <c r="EU64" s="13"/>
      <c r="EV64" s="13"/>
      <c r="EW64" s="13"/>
      <c r="EX64" s="13"/>
      <c r="EY64" s="13"/>
      <c r="EZ64" s="13"/>
      <c r="FA64" s="13"/>
      <c r="FB64" s="13"/>
      <c r="FC64" s="13"/>
      <c r="FD64" s="13"/>
      <c r="FE64" s="13"/>
      <c r="FF64" s="13"/>
    </row>
    <row r="65" spans="1:162" s="8" customFormat="1" ht="8.5" customHeight="1" x14ac:dyDescent="0.55000000000000004">
      <c r="A65" s="263"/>
      <c r="B65" s="263"/>
      <c r="C65" s="263"/>
      <c r="D65" s="220"/>
      <c r="E65" s="221"/>
      <c r="F65" s="221"/>
      <c r="G65" s="221"/>
      <c r="H65" s="221"/>
      <c r="I65" s="221"/>
      <c r="J65" s="221"/>
      <c r="K65" s="221"/>
      <c r="L65" s="221"/>
      <c r="M65" s="221"/>
      <c r="N65" s="221"/>
      <c r="O65" s="221"/>
      <c r="P65" s="221"/>
      <c r="Q65" s="221"/>
      <c r="R65" s="221"/>
      <c r="S65" s="221"/>
      <c r="T65" s="221"/>
      <c r="U65" s="221"/>
      <c r="V65" s="221"/>
      <c r="W65" s="203"/>
      <c r="X65" s="203"/>
      <c r="Y65" s="203"/>
      <c r="Z65" s="203"/>
      <c r="AA65" s="203"/>
      <c r="AB65" s="203"/>
      <c r="AC65" s="203"/>
      <c r="AD65" s="203"/>
      <c r="AE65" s="205"/>
      <c r="AF65" s="205"/>
      <c r="AG65" s="205"/>
      <c r="AH65" s="205"/>
      <c r="AI65" s="205"/>
      <c r="AJ65" s="205"/>
      <c r="AK65" s="205"/>
      <c r="AL65" s="205"/>
      <c r="AM65" s="205"/>
      <c r="AN65" s="205"/>
      <c r="AO65" s="205"/>
      <c r="AP65" s="205"/>
      <c r="AQ65" s="205"/>
      <c r="AR65" s="205"/>
      <c r="AS65" s="205"/>
      <c r="AT65" s="205"/>
      <c r="AU65" s="205"/>
      <c r="AV65" s="205"/>
      <c r="AW65" s="205"/>
      <c r="AX65" s="205"/>
      <c r="AY65" s="205"/>
      <c r="AZ65" s="205"/>
      <c r="BA65" s="205"/>
      <c r="BB65" s="205"/>
      <c r="BC65" s="205"/>
      <c r="BD65" s="207"/>
      <c r="BE65" s="264"/>
      <c r="BF65" s="264"/>
      <c r="BG65" s="264"/>
      <c r="BH65" s="272"/>
      <c r="BI65" s="272"/>
      <c r="BJ65" s="272"/>
      <c r="BK65" s="272"/>
      <c r="BL65" s="272"/>
      <c r="BM65" s="272"/>
      <c r="BN65" s="272"/>
      <c r="BO65" s="272"/>
      <c r="BP65" s="272"/>
      <c r="BQ65" s="272"/>
      <c r="BR65" s="272"/>
      <c r="BS65" s="272"/>
      <c r="BT65" s="272"/>
      <c r="BU65" s="272"/>
      <c r="BV65" s="272"/>
      <c r="BW65" s="272"/>
      <c r="BX65" s="272"/>
      <c r="BY65" s="272"/>
      <c r="BZ65" s="272"/>
      <c r="CA65" s="272"/>
      <c r="CB65" s="272"/>
      <c r="CC65" s="272"/>
      <c r="CD65" s="272"/>
      <c r="CE65" s="272"/>
      <c r="CF65" s="272"/>
      <c r="CG65" s="272"/>
      <c r="CH65" s="272"/>
      <c r="CI65" s="272"/>
      <c r="CJ65" s="272"/>
      <c r="CK65" s="272"/>
      <c r="CL65" s="272"/>
      <c r="CM65" s="272"/>
      <c r="CN65" s="272"/>
      <c r="CO65" s="272"/>
      <c r="CP65" s="272"/>
      <c r="CQ65" s="272"/>
      <c r="CR65" s="16"/>
      <c r="CS65" s="16"/>
      <c r="CT65" s="16"/>
      <c r="CU65" s="16"/>
      <c r="DE65" s="14"/>
      <c r="DF65" s="14"/>
      <c r="DG65" s="14"/>
      <c r="DH65" s="219"/>
      <c r="DI65" s="219"/>
      <c r="DJ65" s="219"/>
      <c r="DK65" s="219"/>
      <c r="DL65" s="219"/>
      <c r="DM65" s="219"/>
      <c r="DN65" s="219"/>
      <c r="DO65" s="219"/>
      <c r="DP65" s="219"/>
      <c r="DQ65" s="219"/>
      <c r="DR65" s="219"/>
      <c r="DS65" s="219"/>
      <c r="DT65" s="219"/>
      <c r="DU65" s="219"/>
      <c r="DV65" s="219"/>
      <c r="DW65" s="219"/>
      <c r="DX65" s="219"/>
      <c r="DY65" s="219"/>
      <c r="DZ65" s="219"/>
      <c r="EA65" s="219"/>
      <c r="EB65" s="219"/>
      <c r="EC65" s="219"/>
      <c r="ED65" s="219"/>
      <c r="EE65" s="219"/>
      <c r="EF65" s="219"/>
      <c r="EG65" s="219"/>
      <c r="EH65" s="219"/>
      <c r="EI65" s="219"/>
      <c r="EJ65" s="219"/>
      <c r="EK65" s="219"/>
      <c r="EL65" s="219"/>
      <c r="EM65" s="219"/>
      <c r="EN65" s="219"/>
      <c r="EO65" s="219"/>
      <c r="EP65" s="219"/>
      <c r="EQ65" s="219"/>
      <c r="EU65" s="14"/>
      <c r="EV65" s="13"/>
      <c r="EW65" s="13"/>
      <c r="EX65" s="13"/>
      <c r="EY65" s="13"/>
      <c r="EZ65" s="13"/>
      <c r="FA65" s="13"/>
      <c r="FB65" s="13"/>
      <c r="FC65" s="13"/>
      <c r="FD65" s="13"/>
      <c r="FE65" s="13"/>
      <c r="FF65" s="13"/>
    </row>
    <row r="66" spans="1:162" s="8" customFormat="1" ht="8.5" customHeight="1" x14ac:dyDescent="0.55000000000000004">
      <c r="A66" s="263"/>
      <c r="B66" s="263"/>
      <c r="C66" s="263"/>
      <c r="D66" s="220" t="s">
        <v>105</v>
      </c>
      <c r="E66" s="221"/>
      <c r="F66" s="221"/>
      <c r="G66" s="221"/>
      <c r="H66" s="221"/>
      <c r="I66" s="221"/>
      <c r="J66" s="221"/>
      <c r="K66" s="221"/>
      <c r="L66" s="221"/>
      <c r="M66" s="221"/>
      <c r="N66" s="221"/>
      <c r="O66" s="221"/>
      <c r="P66" s="221"/>
      <c r="Q66" s="221"/>
      <c r="R66" s="221"/>
      <c r="S66" s="221"/>
      <c r="T66" s="221"/>
      <c r="U66" s="221"/>
      <c r="V66" s="221"/>
      <c r="W66" s="202" t="s">
        <v>166</v>
      </c>
      <c r="X66" s="202"/>
      <c r="Y66" s="202"/>
      <c r="Z66" s="202"/>
      <c r="AA66" s="202"/>
      <c r="AB66" s="202"/>
      <c r="AC66" s="202"/>
      <c r="AD66" s="202"/>
      <c r="AE66" s="204" t="s">
        <v>167</v>
      </c>
      <c r="AF66" s="204"/>
      <c r="AG66" s="204"/>
      <c r="AH66" s="204"/>
      <c r="AI66" s="204"/>
      <c r="AJ66" s="204"/>
      <c r="AK66" s="204"/>
      <c r="AL66" s="204" t="s">
        <v>168</v>
      </c>
      <c r="AM66" s="204"/>
      <c r="AN66" s="204"/>
      <c r="AO66" s="204"/>
      <c r="AP66" s="204"/>
      <c r="AQ66" s="204"/>
      <c r="AR66" s="204"/>
      <c r="AS66" s="204"/>
      <c r="AT66" s="204"/>
      <c r="AU66" s="204"/>
      <c r="AV66" s="204"/>
      <c r="AW66" s="204"/>
      <c r="AX66" s="204"/>
      <c r="AY66" s="204"/>
      <c r="AZ66" s="204"/>
      <c r="BA66" s="204"/>
      <c r="BB66" s="204"/>
      <c r="BC66" s="204"/>
      <c r="BD66" s="206"/>
      <c r="BE66" s="264"/>
      <c r="BF66" s="264"/>
      <c r="BG66" s="264"/>
      <c r="BH66" s="273" t="s">
        <v>172</v>
      </c>
      <c r="BI66" s="273"/>
      <c r="BJ66" s="273"/>
      <c r="BK66" s="273"/>
      <c r="BL66" s="273"/>
      <c r="BM66" s="273"/>
      <c r="BN66" s="273"/>
      <c r="BO66" s="273"/>
      <c r="BP66" s="273"/>
      <c r="BQ66" s="273"/>
      <c r="BR66" s="273"/>
      <c r="BS66" s="273"/>
      <c r="BT66" s="273"/>
      <c r="BU66" s="273"/>
      <c r="BV66" s="273"/>
      <c r="BW66" s="273"/>
      <c r="BX66" s="273"/>
      <c r="BY66" s="273"/>
      <c r="BZ66" s="273"/>
      <c r="CA66" s="273"/>
      <c r="CB66" s="273"/>
      <c r="CC66" s="273"/>
      <c r="CD66" s="273"/>
      <c r="CE66" s="273"/>
      <c r="CF66" s="273"/>
      <c r="CG66" s="273"/>
      <c r="CH66" s="273"/>
      <c r="CI66" s="273"/>
      <c r="CJ66" s="273"/>
      <c r="CK66" s="273"/>
      <c r="CL66" s="273"/>
      <c r="CM66" s="273"/>
      <c r="CN66" s="273"/>
      <c r="CO66" s="273"/>
      <c r="CP66" s="273"/>
      <c r="CQ66" s="273"/>
      <c r="CR66" s="16"/>
      <c r="CS66" s="16"/>
      <c r="CT66" s="16"/>
      <c r="CU66" s="16"/>
      <c r="DE66" s="14"/>
      <c r="DF66" s="14"/>
      <c r="DG66" s="14"/>
      <c r="DH66" s="219"/>
      <c r="DI66" s="219"/>
      <c r="DJ66" s="219"/>
      <c r="DK66" s="219"/>
      <c r="DL66" s="219"/>
      <c r="DM66" s="219"/>
      <c r="DN66" s="219"/>
      <c r="DO66" s="219"/>
      <c r="DP66" s="219"/>
      <c r="DQ66" s="219"/>
      <c r="DR66" s="219"/>
      <c r="DS66" s="219"/>
      <c r="DT66" s="219"/>
      <c r="DU66" s="219"/>
      <c r="DV66" s="219"/>
      <c r="DW66" s="219"/>
      <c r="DX66" s="219"/>
      <c r="DY66" s="219"/>
      <c r="DZ66" s="219"/>
      <c r="EA66" s="219"/>
      <c r="EB66" s="219"/>
      <c r="EC66" s="219"/>
      <c r="ED66" s="219"/>
      <c r="EE66" s="219"/>
      <c r="EF66" s="219"/>
      <c r="EG66" s="219"/>
      <c r="EH66" s="219"/>
      <c r="EI66" s="219"/>
      <c r="EJ66" s="219"/>
      <c r="EK66" s="219"/>
      <c r="EL66" s="219"/>
      <c r="EM66" s="219"/>
      <c r="EN66" s="219"/>
      <c r="EO66" s="219"/>
      <c r="EP66" s="219"/>
      <c r="EQ66" s="219"/>
      <c r="EU66" s="14"/>
      <c r="EV66" s="13"/>
      <c r="EW66" s="13"/>
      <c r="EX66" s="13"/>
      <c r="EY66" s="13"/>
      <c r="EZ66" s="13"/>
      <c r="FA66" s="13"/>
      <c r="FB66" s="13"/>
      <c r="FC66" s="13"/>
      <c r="FD66" s="13"/>
      <c r="FE66" s="13"/>
      <c r="FF66" s="13"/>
    </row>
    <row r="67" spans="1:162" s="8" customFormat="1" ht="8.5" customHeight="1" x14ac:dyDescent="0.55000000000000004">
      <c r="A67" s="263"/>
      <c r="B67" s="263"/>
      <c r="C67" s="263"/>
      <c r="D67" s="220"/>
      <c r="E67" s="221"/>
      <c r="F67" s="221"/>
      <c r="G67" s="221"/>
      <c r="H67" s="221"/>
      <c r="I67" s="221"/>
      <c r="J67" s="221"/>
      <c r="K67" s="221"/>
      <c r="L67" s="221"/>
      <c r="M67" s="221"/>
      <c r="N67" s="221"/>
      <c r="O67" s="221"/>
      <c r="P67" s="221"/>
      <c r="Q67" s="221"/>
      <c r="R67" s="221"/>
      <c r="S67" s="221"/>
      <c r="T67" s="221"/>
      <c r="U67" s="221"/>
      <c r="V67" s="221"/>
      <c r="W67" s="203"/>
      <c r="X67" s="203"/>
      <c r="Y67" s="203"/>
      <c r="Z67" s="203"/>
      <c r="AA67" s="203"/>
      <c r="AB67" s="203"/>
      <c r="AC67" s="203"/>
      <c r="AD67" s="203"/>
      <c r="AE67" s="205"/>
      <c r="AF67" s="205"/>
      <c r="AG67" s="205"/>
      <c r="AH67" s="205"/>
      <c r="AI67" s="205"/>
      <c r="AJ67" s="205"/>
      <c r="AK67" s="205"/>
      <c r="AL67" s="205"/>
      <c r="AM67" s="205"/>
      <c r="AN67" s="205"/>
      <c r="AO67" s="205"/>
      <c r="AP67" s="205"/>
      <c r="AQ67" s="205"/>
      <c r="AR67" s="205"/>
      <c r="AS67" s="205"/>
      <c r="AT67" s="205"/>
      <c r="AU67" s="205"/>
      <c r="AV67" s="205"/>
      <c r="AW67" s="205"/>
      <c r="AX67" s="205"/>
      <c r="AY67" s="205"/>
      <c r="AZ67" s="205"/>
      <c r="BA67" s="205"/>
      <c r="BB67" s="205"/>
      <c r="BC67" s="205"/>
      <c r="BD67" s="207"/>
      <c r="BE67" s="264"/>
      <c r="BF67" s="264"/>
      <c r="BG67" s="264"/>
      <c r="BH67" s="226"/>
      <c r="BI67" s="226"/>
      <c r="BJ67" s="226"/>
      <c r="BK67" s="226"/>
      <c r="BL67" s="226"/>
      <c r="BM67" s="226"/>
      <c r="BN67" s="226"/>
      <c r="BO67" s="226"/>
      <c r="BP67" s="226"/>
      <c r="BQ67" s="226"/>
      <c r="BR67" s="226"/>
      <c r="BS67" s="226"/>
      <c r="BT67" s="226"/>
      <c r="BU67" s="226"/>
      <c r="BV67" s="226"/>
      <c r="BW67" s="226"/>
      <c r="BX67" s="226"/>
      <c r="BY67" s="226"/>
      <c r="BZ67" s="226"/>
      <c r="CA67" s="226"/>
      <c r="CB67" s="226"/>
      <c r="CC67" s="226"/>
      <c r="CD67" s="226"/>
      <c r="CE67" s="226"/>
      <c r="CF67" s="226"/>
      <c r="CG67" s="226"/>
      <c r="CH67" s="226"/>
      <c r="CI67" s="226"/>
      <c r="CJ67" s="226"/>
      <c r="CK67" s="226"/>
      <c r="CL67" s="226"/>
      <c r="CM67" s="226"/>
      <c r="CN67" s="226"/>
      <c r="CO67" s="226"/>
      <c r="CP67" s="226"/>
      <c r="CQ67" s="226"/>
      <c r="CR67" s="13"/>
      <c r="CS67" s="13"/>
      <c r="CT67" s="13"/>
      <c r="CU67" s="13"/>
      <c r="DE67" s="14"/>
      <c r="DF67" s="14"/>
      <c r="DG67" s="14"/>
      <c r="DH67" s="219"/>
      <c r="DI67" s="219"/>
      <c r="DJ67" s="219"/>
      <c r="DK67" s="219"/>
      <c r="DL67" s="219"/>
      <c r="DM67" s="219"/>
      <c r="DN67" s="219"/>
      <c r="DO67" s="219"/>
      <c r="DP67" s="219"/>
      <c r="DQ67" s="219"/>
      <c r="DR67" s="219"/>
      <c r="DS67" s="219"/>
      <c r="DT67" s="219"/>
      <c r="DU67" s="219"/>
      <c r="DV67" s="219"/>
      <c r="DW67" s="219"/>
      <c r="DX67" s="219"/>
      <c r="DY67" s="219"/>
      <c r="DZ67" s="219"/>
      <c r="EA67" s="219"/>
      <c r="EB67" s="219"/>
      <c r="EC67" s="219"/>
      <c r="ED67" s="219"/>
      <c r="EE67" s="219"/>
      <c r="EF67" s="219"/>
      <c r="EG67" s="219"/>
      <c r="EH67" s="219"/>
      <c r="EI67" s="219"/>
      <c r="EJ67" s="219"/>
      <c r="EK67" s="219"/>
      <c r="EL67" s="219"/>
      <c r="EM67" s="219"/>
      <c r="EN67" s="219"/>
      <c r="EO67" s="219"/>
      <c r="EP67" s="219"/>
      <c r="EQ67" s="219"/>
      <c r="EU67" s="13"/>
      <c r="EV67" s="13"/>
      <c r="EW67" s="13"/>
      <c r="EX67" s="13"/>
      <c r="EY67" s="13"/>
      <c r="EZ67" s="13"/>
      <c r="FA67" s="13"/>
      <c r="FB67" s="13"/>
      <c r="FC67" s="13"/>
      <c r="FD67" s="13"/>
      <c r="FE67" s="13"/>
      <c r="FF67" s="13"/>
    </row>
    <row r="68" spans="1:162" s="8" customFormat="1" ht="8.5" customHeight="1" x14ac:dyDescent="0.55000000000000004">
      <c r="A68" s="263"/>
      <c r="B68" s="263"/>
      <c r="C68" s="263"/>
      <c r="D68" s="220"/>
      <c r="E68" s="221"/>
      <c r="F68" s="221"/>
      <c r="G68" s="221"/>
      <c r="H68" s="221"/>
      <c r="I68" s="221"/>
      <c r="J68" s="221"/>
      <c r="K68" s="221"/>
      <c r="L68" s="221"/>
      <c r="M68" s="221"/>
      <c r="N68" s="221"/>
      <c r="O68" s="221"/>
      <c r="P68" s="221"/>
      <c r="Q68" s="221"/>
      <c r="R68" s="221"/>
      <c r="S68" s="221"/>
      <c r="T68" s="221"/>
      <c r="U68" s="221"/>
      <c r="V68" s="221"/>
      <c r="W68" s="203"/>
      <c r="X68" s="203"/>
      <c r="Y68" s="203"/>
      <c r="Z68" s="203"/>
      <c r="AA68" s="203"/>
      <c r="AB68" s="203"/>
      <c r="AC68" s="203"/>
      <c r="AD68" s="203"/>
      <c r="AE68" s="205"/>
      <c r="AF68" s="205"/>
      <c r="AG68" s="205"/>
      <c r="AH68" s="205"/>
      <c r="AI68" s="205"/>
      <c r="AJ68" s="205"/>
      <c r="AK68" s="205"/>
      <c r="AL68" s="205"/>
      <c r="AM68" s="205"/>
      <c r="AN68" s="205"/>
      <c r="AO68" s="205"/>
      <c r="AP68" s="205"/>
      <c r="AQ68" s="205"/>
      <c r="AR68" s="205"/>
      <c r="AS68" s="205"/>
      <c r="AT68" s="205"/>
      <c r="AU68" s="205"/>
      <c r="AV68" s="205"/>
      <c r="AW68" s="205"/>
      <c r="AX68" s="205"/>
      <c r="AY68" s="205"/>
      <c r="AZ68" s="205"/>
      <c r="BA68" s="205"/>
      <c r="BB68" s="205"/>
      <c r="BC68" s="205"/>
      <c r="BD68" s="207"/>
      <c r="BE68" s="264"/>
      <c r="BF68" s="264"/>
      <c r="BG68" s="264"/>
      <c r="BH68" s="274"/>
      <c r="BI68" s="274"/>
      <c r="BJ68" s="274"/>
      <c r="BK68" s="274"/>
      <c r="BL68" s="274"/>
      <c r="BM68" s="274"/>
      <c r="BN68" s="274"/>
      <c r="BO68" s="274"/>
      <c r="BP68" s="274"/>
      <c r="BQ68" s="274"/>
      <c r="BR68" s="274"/>
      <c r="BS68" s="274"/>
      <c r="BT68" s="274"/>
      <c r="BU68" s="274"/>
      <c r="BV68" s="274"/>
      <c r="BW68" s="274"/>
      <c r="BX68" s="274"/>
      <c r="BY68" s="274"/>
      <c r="BZ68" s="274"/>
      <c r="CA68" s="274"/>
      <c r="CB68" s="274"/>
      <c r="CC68" s="274"/>
      <c r="CD68" s="274"/>
      <c r="CE68" s="274"/>
      <c r="CF68" s="274"/>
      <c r="CG68" s="274"/>
      <c r="CH68" s="274"/>
      <c r="CI68" s="274"/>
      <c r="CJ68" s="274"/>
      <c r="CK68" s="274"/>
      <c r="CL68" s="274"/>
      <c r="CM68" s="274"/>
      <c r="CN68" s="274"/>
      <c r="CO68" s="274"/>
      <c r="CP68" s="274"/>
      <c r="CQ68" s="274"/>
      <c r="CR68" s="13"/>
      <c r="CS68" s="13"/>
      <c r="CT68" s="13"/>
      <c r="CU68" s="13"/>
      <c r="DE68" s="14"/>
      <c r="DF68" s="14"/>
      <c r="DG68" s="14"/>
      <c r="DH68" s="219"/>
      <c r="DI68" s="219"/>
      <c r="DJ68" s="219"/>
      <c r="DK68" s="219"/>
      <c r="DL68" s="219"/>
      <c r="DM68" s="219"/>
      <c r="DN68" s="219"/>
      <c r="DO68" s="219"/>
      <c r="DP68" s="219"/>
      <c r="DQ68" s="219"/>
      <c r="DR68" s="219"/>
      <c r="DS68" s="219"/>
      <c r="DT68" s="219"/>
      <c r="DU68" s="219"/>
      <c r="DV68" s="219"/>
      <c r="DW68" s="219"/>
      <c r="DX68" s="219"/>
      <c r="DY68" s="219"/>
      <c r="DZ68" s="219"/>
      <c r="EA68" s="219"/>
      <c r="EB68" s="219"/>
      <c r="EC68" s="219"/>
      <c r="ED68" s="219"/>
      <c r="EE68" s="219"/>
      <c r="EF68" s="219"/>
      <c r="EG68" s="219"/>
      <c r="EH68" s="219"/>
      <c r="EI68" s="219"/>
      <c r="EJ68" s="219"/>
      <c r="EK68" s="219"/>
      <c r="EL68" s="219"/>
      <c r="EM68" s="219"/>
      <c r="EN68" s="219"/>
      <c r="EO68" s="219"/>
      <c r="EP68" s="219"/>
      <c r="EQ68" s="219"/>
      <c r="EU68" s="13"/>
      <c r="EV68" s="13"/>
      <c r="EW68" s="13"/>
      <c r="EX68" s="13"/>
      <c r="EY68" s="13"/>
      <c r="EZ68" s="13"/>
      <c r="FA68" s="13"/>
      <c r="FB68" s="13"/>
      <c r="FC68" s="13"/>
      <c r="FD68" s="13"/>
      <c r="FE68" s="13"/>
      <c r="FF68" s="13"/>
    </row>
    <row r="69" spans="1:162" s="8" customFormat="1" ht="8.5" customHeight="1" x14ac:dyDescent="0.55000000000000004">
      <c r="A69" s="263"/>
      <c r="B69" s="263"/>
      <c r="C69" s="263"/>
      <c r="D69" s="220" t="s">
        <v>106</v>
      </c>
      <c r="E69" s="221"/>
      <c r="F69" s="221"/>
      <c r="G69" s="221"/>
      <c r="H69" s="221"/>
      <c r="I69" s="221"/>
      <c r="J69" s="221"/>
      <c r="K69" s="221"/>
      <c r="L69" s="221"/>
      <c r="M69" s="221"/>
      <c r="N69" s="221"/>
      <c r="O69" s="221"/>
      <c r="P69" s="221"/>
      <c r="Q69" s="221"/>
      <c r="R69" s="221"/>
      <c r="S69" s="221"/>
      <c r="T69" s="221"/>
      <c r="U69" s="221"/>
      <c r="V69" s="221"/>
      <c r="W69" s="202" t="s">
        <v>166</v>
      </c>
      <c r="X69" s="202"/>
      <c r="Y69" s="202"/>
      <c r="Z69" s="202"/>
      <c r="AA69" s="202"/>
      <c r="AB69" s="202"/>
      <c r="AC69" s="202"/>
      <c r="AD69" s="202"/>
      <c r="AE69" s="204" t="s">
        <v>167</v>
      </c>
      <c r="AF69" s="204"/>
      <c r="AG69" s="204"/>
      <c r="AH69" s="204"/>
      <c r="AI69" s="204"/>
      <c r="AJ69" s="204"/>
      <c r="AK69" s="204"/>
      <c r="AL69" s="204" t="s">
        <v>168</v>
      </c>
      <c r="AM69" s="204"/>
      <c r="AN69" s="204"/>
      <c r="AO69" s="204"/>
      <c r="AP69" s="204"/>
      <c r="AQ69" s="204"/>
      <c r="AR69" s="204"/>
      <c r="AS69" s="204"/>
      <c r="AT69" s="204"/>
      <c r="AU69" s="204"/>
      <c r="AV69" s="204"/>
      <c r="AW69" s="204"/>
      <c r="AX69" s="204"/>
      <c r="AY69" s="204"/>
      <c r="AZ69" s="204"/>
      <c r="BA69" s="204"/>
      <c r="BB69" s="204"/>
      <c r="BC69" s="204"/>
      <c r="BD69" s="206"/>
      <c r="BE69" s="264"/>
      <c r="BF69" s="264"/>
      <c r="BG69" s="264"/>
      <c r="BH69" s="225" t="s">
        <v>173</v>
      </c>
      <c r="BI69" s="225"/>
      <c r="BJ69" s="225"/>
      <c r="BK69" s="225"/>
      <c r="BL69" s="225"/>
      <c r="BM69" s="225"/>
      <c r="BN69" s="225"/>
      <c r="BO69" s="225"/>
      <c r="BP69" s="225"/>
      <c r="BQ69" s="225"/>
      <c r="BR69" s="225"/>
      <c r="BS69" s="225"/>
      <c r="BT69" s="225"/>
      <c r="BU69" s="225"/>
      <c r="BV69" s="225"/>
      <c r="BW69" s="225"/>
      <c r="BX69" s="225"/>
      <c r="BY69" s="225"/>
      <c r="BZ69" s="225"/>
      <c r="CA69" s="225"/>
      <c r="CB69" s="225"/>
      <c r="CC69" s="225"/>
      <c r="CD69" s="225"/>
      <c r="CE69" s="225"/>
      <c r="CF69" s="225"/>
      <c r="CG69" s="225"/>
      <c r="CH69" s="225"/>
      <c r="CI69" s="225"/>
      <c r="CJ69" s="225"/>
      <c r="CK69" s="225"/>
      <c r="CL69" s="225"/>
      <c r="CM69" s="225"/>
      <c r="CN69" s="225"/>
      <c r="CO69" s="225"/>
      <c r="CP69" s="225"/>
      <c r="CQ69" s="225"/>
      <c r="CR69" s="13"/>
      <c r="CS69" s="13"/>
      <c r="CT69" s="13"/>
      <c r="CU69" s="13"/>
      <c r="DE69" s="14"/>
      <c r="DF69" s="14"/>
      <c r="DG69" s="14"/>
      <c r="DH69" s="219"/>
      <c r="DI69" s="219"/>
      <c r="DJ69" s="219"/>
      <c r="DK69" s="219"/>
      <c r="DL69" s="219"/>
      <c r="DM69" s="219"/>
      <c r="DN69" s="219"/>
      <c r="DO69" s="219"/>
      <c r="DP69" s="219"/>
      <c r="DQ69" s="219"/>
      <c r="DR69" s="219"/>
      <c r="DS69" s="219"/>
      <c r="DT69" s="219"/>
      <c r="DU69" s="219"/>
      <c r="DV69" s="219"/>
      <c r="DW69" s="219"/>
      <c r="DX69" s="219"/>
      <c r="DY69" s="219"/>
      <c r="DZ69" s="219"/>
      <c r="EA69" s="219"/>
      <c r="EB69" s="219"/>
      <c r="EC69" s="219"/>
      <c r="ED69" s="219"/>
      <c r="EE69" s="219"/>
      <c r="EF69" s="219"/>
      <c r="EG69" s="219"/>
      <c r="EH69" s="219"/>
      <c r="EI69" s="219"/>
      <c r="EJ69" s="219"/>
      <c r="EK69" s="219"/>
      <c r="EL69" s="219"/>
      <c r="EM69" s="219"/>
      <c r="EN69" s="219"/>
      <c r="EO69" s="219"/>
      <c r="EP69" s="219"/>
      <c r="EQ69" s="219"/>
      <c r="EU69" s="13"/>
      <c r="EV69" s="13"/>
      <c r="EW69" s="13"/>
      <c r="EX69" s="13"/>
      <c r="EY69" s="13"/>
      <c r="EZ69" s="13"/>
      <c r="FA69" s="13"/>
      <c r="FB69" s="13"/>
      <c r="FC69" s="13"/>
      <c r="FD69" s="13"/>
      <c r="FE69" s="13"/>
      <c r="FF69" s="13"/>
    </row>
    <row r="70" spans="1:162" s="8" customFormat="1" ht="8.5" customHeight="1" x14ac:dyDescent="0.55000000000000004">
      <c r="A70" s="263"/>
      <c r="B70" s="263"/>
      <c r="C70" s="263"/>
      <c r="D70" s="220"/>
      <c r="E70" s="221"/>
      <c r="F70" s="221"/>
      <c r="G70" s="221"/>
      <c r="H70" s="221"/>
      <c r="I70" s="221"/>
      <c r="J70" s="221"/>
      <c r="K70" s="221"/>
      <c r="L70" s="221"/>
      <c r="M70" s="221"/>
      <c r="N70" s="221"/>
      <c r="O70" s="221"/>
      <c r="P70" s="221"/>
      <c r="Q70" s="221"/>
      <c r="R70" s="221"/>
      <c r="S70" s="221"/>
      <c r="T70" s="221"/>
      <c r="U70" s="221"/>
      <c r="V70" s="221"/>
      <c r="W70" s="203"/>
      <c r="X70" s="203"/>
      <c r="Y70" s="203"/>
      <c r="Z70" s="203"/>
      <c r="AA70" s="203"/>
      <c r="AB70" s="203"/>
      <c r="AC70" s="203"/>
      <c r="AD70" s="203"/>
      <c r="AE70" s="205"/>
      <c r="AF70" s="205"/>
      <c r="AG70" s="205"/>
      <c r="AH70" s="205"/>
      <c r="AI70" s="205"/>
      <c r="AJ70" s="205"/>
      <c r="AK70" s="205"/>
      <c r="AL70" s="205"/>
      <c r="AM70" s="205"/>
      <c r="AN70" s="205"/>
      <c r="AO70" s="205"/>
      <c r="AP70" s="205"/>
      <c r="AQ70" s="205"/>
      <c r="AR70" s="205"/>
      <c r="AS70" s="205"/>
      <c r="AT70" s="205"/>
      <c r="AU70" s="205"/>
      <c r="AV70" s="205"/>
      <c r="AW70" s="205"/>
      <c r="AX70" s="205"/>
      <c r="AY70" s="205"/>
      <c r="AZ70" s="205"/>
      <c r="BA70" s="205"/>
      <c r="BB70" s="205"/>
      <c r="BC70" s="205"/>
      <c r="BD70" s="207"/>
      <c r="BE70" s="264"/>
      <c r="BF70" s="264"/>
      <c r="BG70" s="264"/>
      <c r="BH70" s="226"/>
      <c r="BI70" s="226"/>
      <c r="BJ70" s="226"/>
      <c r="BK70" s="226"/>
      <c r="BL70" s="226"/>
      <c r="BM70" s="226"/>
      <c r="BN70" s="226"/>
      <c r="BO70" s="226"/>
      <c r="BP70" s="226"/>
      <c r="BQ70" s="226"/>
      <c r="BR70" s="226"/>
      <c r="BS70" s="226"/>
      <c r="BT70" s="226"/>
      <c r="BU70" s="226"/>
      <c r="BV70" s="226"/>
      <c r="BW70" s="226"/>
      <c r="BX70" s="226"/>
      <c r="BY70" s="226"/>
      <c r="BZ70" s="226"/>
      <c r="CA70" s="226"/>
      <c r="CB70" s="226"/>
      <c r="CC70" s="226"/>
      <c r="CD70" s="226"/>
      <c r="CE70" s="226"/>
      <c r="CF70" s="226"/>
      <c r="CG70" s="226"/>
      <c r="CH70" s="226"/>
      <c r="CI70" s="226"/>
      <c r="CJ70" s="226"/>
      <c r="CK70" s="226"/>
      <c r="CL70" s="226"/>
      <c r="CM70" s="226"/>
      <c r="CN70" s="226"/>
      <c r="CO70" s="226"/>
      <c r="CP70" s="226"/>
      <c r="CQ70" s="226"/>
      <c r="CR70" s="13"/>
      <c r="CS70" s="13"/>
      <c r="CT70" s="13"/>
      <c r="CU70" s="13"/>
      <c r="DE70" s="14"/>
      <c r="DF70" s="14"/>
      <c r="DG70" s="14"/>
      <c r="DH70" s="219"/>
      <c r="DI70" s="219"/>
      <c r="DJ70" s="219"/>
      <c r="DK70" s="219"/>
      <c r="DL70" s="219"/>
      <c r="DM70" s="219"/>
      <c r="DN70" s="219"/>
      <c r="DO70" s="219"/>
      <c r="DP70" s="219"/>
      <c r="DQ70" s="219"/>
      <c r="DR70" s="219"/>
      <c r="DS70" s="219"/>
      <c r="DT70" s="219"/>
      <c r="DU70" s="219"/>
      <c r="DV70" s="219"/>
      <c r="DW70" s="219"/>
      <c r="DX70" s="219"/>
      <c r="DY70" s="219"/>
      <c r="DZ70" s="219"/>
      <c r="EA70" s="219"/>
      <c r="EB70" s="219"/>
      <c r="EC70" s="219"/>
      <c r="ED70" s="219"/>
      <c r="EE70" s="219"/>
      <c r="EF70" s="219"/>
      <c r="EG70" s="219"/>
      <c r="EH70" s="219"/>
      <c r="EI70" s="219"/>
      <c r="EJ70" s="219"/>
      <c r="EK70" s="219"/>
      <c r="EL70" s="219"/>
      <c r="EM70" s="219"/>
      <c r="EN70" s="219"/>
      <c r="EO70" s="219"/>
      <c r="EP70" s="219"/>
      <c r="EQ70" s="219"/>
      <c r="EU70" s="13"/>
      <c r="EV70" s="13"/>
      <c r="EW70" s="13"/>
      <c r="EX70" s="13"/>
      <c r="EY70" s="13"/>
      <c r="EZ70" s="13"/>
      <c r="FA70" s="13"/>
      <c r="FB70" s="13"/>
      <c r="FC70" s="13"/>
      <c r="FD70" s="13"/>
      <c r="FE70" s="13"/>
      <c r="FF70" s="13"/>
    </row>
    <row r="71" spans="1:162" s="8" customFormat="1" ht="8.5" customHeight="1" x14ac:dyDescent="0.55000000000000004">
      <c r="A71" s="263"/>
      <c r="B71" s="263"/>
      <c r="C71" s="263"/>
      <c r="D71" s="220"/>
      <c r="E71" s="221"/>
      <c r="F71" s="221"/>
      <c r="G71" s="221"/>
      <c r="H71" s="221"/>
      <c r="I71" s="221"/>
      <c r="J71" s="221"/>
      <c r="K71" s="221"/>
      <c r="L71" s="221"/>
      <c r="M71" s="221"/>
      <c r="N71" s="221"/>
      <c r="O71" s="221"/>
      <c r="P71" s="221"/>
      <c r="Q71" s="221"/>
      <c r="R71" s="221"/>
      <c r="S71" s="221"/>
      <c r="T71" s="221"/>
      <c r="U71" s="221"/>
      <c r="V71" s="221"/>
      <c r="W71" s="203"/>
      <c r="X71" s="203"/>
      <c r="Y71" s="203"/>
      <c r="Z71" s="203"/>
      <c r="AA71" s="203"/>
      <c r="AB71" s="203"/>
      <c r="AC71" s="203"/>
      <c r="AD71" s="203"/>
      <c r="AE71" s="205"/>
      <c r="AF71" s="205"/>
      <c r="AG71" s="205"/>
      <c r="AH71" s="205"/>
      <c r="AI71" s="205"/>
      <c r="AJ71" s="205"/>
      <c r="AK71" s="205"/>
      <c r="AL71" s="205"/>
      <c r="AM71" s="205"/>
      <c r="AN71" s="205"/>
      <c r="AO71" s="205"/>
      <c r="AP71" s="205"/>
      <c r="AQ71" s="205"/>
      <c r="AR71" s="205"/>
      <c r="AS71" s="205"/>
      <c r="AT71" s="205"/>
      <c r="AU71" s="205"/>
      <c r="AV71" s="205"/>
      <c r="AW71" s="205"/>
      <c r="AX71" s="205"/>
      <c r="AY71" s="205"/>
      <c r="AZ71" s="205"/>
      <c r="BA71" s="205"/>
      <c r="BB71" s="205"/>
      <c r="BC71" s="205"/>
      <c r="BD71" s="207"/>
      <c r="BE71" s="264"/>
      <c r="BF71" s="264"/>
      <c r="BG71" s="264"/>
      <c r="BH71" s="272"/>
      <c r="BI71" s="272"/>
      <c r="BJ71" s="272"/>
      <c r="BK71" s="272"/>
      <c r="BL71" s="272"/>
      <c r="BM71" s="272"/>
      <c r="BN71" s="272"/>
      <c r="BO71" s="272"/>
      <c r="BP71" s="272"/>
      <c r="BQ71" s="272"/>
      <c r="BR71" s="272"/>
      <c r="BS71" s="272"/>
      <c r="BT71" s="272"/>
      <c r="BU71" s="272"/>
      <c r="BV71" s="272"/>
      <c r="BW71" s="272"/>
      <c r="BX71" s="272"/>
      <c r="BY71" s="272"/>
      <c r="BZ71" s="272"/>
      <c r="CA71" s="272"/>
      <c r="CB71" s="272"/>
      <c r="CC71" s="272"/>
      <c r="CD71" s="272"/>
      <c r="CE71" s="272"/>
      <c r="CF71" s="272"/>
      <c r="CG71" s="272"/>
      <c r="CH71" s="272"/>
      <c r="CI71" s="272"/>
      <c r="CJ71" s="272"/>
      <c r="CK71" s="272"/>
      <c r="CL71" s="272"/>
      <c r="CM71" s="272"/>
      <c r="CN71" s="272"/>
      <c r="CO71" s="272"/>
      <c r="CP71" s="272"/>
      <c r="CQ71" s="272"/>
      <c r="CR71" s="13"/>
      <c r="CS71" s="13"/>
      <c r="CT71" s="13"/>
      <c r="CU71" s="13"/>
      <c r="DE71" s="14"/>
      <c r="DF71" s="14"/>
      <c r="DG71" s="14"/>
      <c r="DH71" s="219"/>
      <c r="DI71" s="219"/>
      <c r="DJ71" s="219"/>
      <c r="DK71" s="219"/>
      <c r="DL71" s="219"/>
      <c r="DM71" s="219"/>
      <c r="DN71" s="219"/>
      <c r="DO71" s="219"/>
      <c r="DP71" s="219"/>
      <c r="DQ71" s="219"/>
      <c r="DR71" s="219"/>
      <c r="DS71" s="219"/>
      <c r="DT71" s="219"/>
      <c r="DU71" s="219"/>
      <c r="DV71" s="219"/>
      <c r="DW71" s="219"/>
      <c r="DX71" s="219"/>
      <c r="DY71" s="219"/>
      <c r="DZ71" s="219"/>
      <c r="EA71" s="219"/>
      <c r="EB71" s="219"/>
      <c r="EC71" s="219"/>
      <c r="ED71" s="219"/>
      <c r="EE71" s="219"/>
      <c r="EF71" s="219"/>
      <c r="EG71" s="219"/>
      <c r="EH71" s="219"/>
      <c r="EI71" s="219"/>
      <c r="EJ71" s="219"/>
      <c r="EK71" s="219"/>
      <c r="EL71" s="219"/>
      <c r="EM71" s="219"/>
      <c r="EN71" s="219"/>
      <c r="EO71" s="219"/>
      <c r="EP71" s="219"/>
      <c r="EQ71" s="219"/>
      <c r="EU71" s="13"/>
      <c r="EV71" s="13"/>
      <c r="EW71" s="13"/>
      <c r="EX71" s="13"/>
      <c r="EY71" s="13"/>
      <c r="EZ71" s="13"/>
      <c r="FA71" s="13"/>
      <c r="FB71" s="13"/>
      <c r="FC71" s="13"/>
      <c r="FD71" s="13"/>
      <c r="FE71" s="13"/>
      <c r="FF71" s="13"/>
    </row>
    <row r="72" spans="1:162" s="8" customFormat="1" ht="8.5" customHeight="1" x14ac:dyDescent="0.55000000000000004">
      <c r="A72" s="263"/>
      <c r="B72" s="263"/>
      <c r="C72" s="263"/>
      <c r="D72" s="220" t="s">
        <v>107</v>
      </c>
      <c r="E72" s="221"/>
      <c r="F72" s="221"/>
      <c r="G72" s="221"/>
      <c r="H72" s="221"/>
      <c r="I72" s="221"/>
      <c r="J72" s="221"/>
      <c r="K72" s="221"/>
      <c r="L72" s="221"/>
      <c r="M72" s="221"/>
      <c r="N72" s="221"/>
      <c r="O72" s="221"/>
      <c r="P72" s="221"/>
      <c r="Q72" s="221"/>
      <c r="R72" s="221"/>
      <c r="S72" s="221"/>
      <c r="T72" s="221"/>
      <c r="U72" s="221"/>
      <c r="V72" s="221"/>
      <c r="W72" s="202" t="s">
        <v>166</v>
      </c>
      <c r="X72" s="202"/>
      <c r="Y72" s="202"/>
      <c r="Z72" s="202"/>
      <c r="AA72" s="202"/>
      <c r="AB72" s="202"/>
      <c r="AC72" s="202"/>
      <c r="AD72" s="202"/>
      <c r="AE72" s="204" t="s">
        <v>167</v>
      </c>
      <c r="AF72" s="204"/>
      <c r="AG72" s="204"/>
      <c r="AH72" s="204"/>
      <c r="AI72" s="204"/>
      <c r="AJ72" s="204"/>
      <c r="AK72" s="204"/>
      <c r="AL72" s="204" t="s">
        <v>168</v>
      </c>
      <c r="AM72" s="204"/>
      <c r="AN72" s="204"/>
      <c r="AO72" s="204"/>
      <c r="AP72" s="204"/>
      <c r="AQ72" s="204"/>
      <c r="AR72" s="204"/>
      <c r="AS72" s="204"/>
      <c r="AT72" s="204"/>
      <c r="AU72" s="204"/>
      <c r="AV72" s="204"/>
      <c r="AW72" s="204"/>
      <c r="AX72" s="204"/>
      <c r="AY72" s="204"/>
      <c r="AZ72" s="204"/>
      <c r="BA72" s="204"/>
      <c r="BB72" s="204"/>
      <c r="BC72" s="204"/>
      <c r="BD72" s="206"/>
      <c r="BE72" s="264"/>
      <c r="BF72" s="264"/>
      <c r="BG72" s="264"/>
      <c r="BH72" s="273" t="s">
        <v>174</v>
      </c>
      <c r="BI72" s="273"/>
      <c r="BJ72" s="273"/>
      <c r="BK72" s="273"/>
      <c r="BL72" s="273"/>
      <c r="BM72" s="273"/>
      <c r="BN72" s="273"/>
      <c r="BO72" s="273"/>
      <c r="BP72" s="273"/>
      <c r="BQ72" s="273"/>
      <c r="BR72" s="273"/>
      <c r="BS72" s="273"/>
      <c r="BT72" s="273"/>
      <c r="BU72" s="273"/>
      <c r="BV72" s="273"/>
      <c r="BW72" s="273"/>
      <c r="BX72" s="273"/>
      <c r="BY72" s="273"/>
      <c r="BZ72" s="273"/>
      <c r="CA72" s="273"/>
      <c r="CB72" s="273"/>
      <c r="CC72" s="273"/>
      <c r="CD72" s="273"/>
      <c r="CE72" s="273"/>
      <c r="CF72" s="273"/>
      <c r="CG72" s="273"/>
      <c r="CH72" s="273"/>
      <c r="CI72" s="273"/>
      <c r="CJ72" s="273"/>
      <c r="CK72" s="273"/>
      <c r="CL72" s="273"/>
      <c r="CM72" s="273"/>
      <c r="CN72" s="273"/>
      <c r="CO72" s="273"/>
      <c r="CP72" s="273"/>
      <c r="CQ72" s="273"/>
      <c r="CR72" s="13"/>
      <c r="CS72" s="13"/>
      <c r="CT72" s="13"/>
      <c r="CU72" s="13"/>
      <c r="DE72" s="14"/>
      <c r="DF72" s="14"/>
      <c r="DG72" s="14"/>
      <c r="DH72" s="219"/>
      <c r="DI72" s="219"/>
      <c r="DJ72" s="219"/>
      <c r="DK72" s="219"/>
      <c r="DL72" s="219"/>
      <c r="DM72" s="219"/>
      <c r="DN72" s="219"/>
      <c r="DO72" s="219"/>
      <c r="DP72" s="219"/>
      <c r="DQ72" s="219"/>
      <c r="DR72" s="219"/>
      <c r="DS72" s="219"/>
      <c r="DT72" s="219"/>
      <c r="DU72" s="219"/>
      <c r="DV72" s="219"/>
      <c r="DW72" s="219"/>
      <c r="DX72" s="219"/>
      <c r="DY72" s="219"/>
      <c r="DZ72" s="219"/>
      <c r="EA72" s="219"/>
      <c r="EB72" s="219"/>
      <c r="EC72" s="219"/>
      <c r="ED72" s="219"/>
      <c r="EE72" s="219"/>
      <c r="EF72" s="219"/>
      <c r="EG72" s="219"/>
      <c r="EH72" s="219"/>
      <c r="EI72" s="219"/>
      <c r="EJ72" s="219"/>
      <c r="EK72" s="219"/>
      <c r="EL72" s="219"/>
      <c r="EM72" s="219"/>
      <c r="EN72" s="219"/>
      <c r="EO72" s="219"/>
      <c r="EP72" s="219"/>
      <c r="EQ72" s="219"/>
      <c r="EU72" s="13"/>
      <c r="EV72" s="13"/>
      <c r="EW72" s="13"/>
      <c r="EX72" s="13"/>
      <c r="EY72" s="13"/>
      <c r="EZ72" s="13"/>
      <c r="FA72" s="13"/>
      <c r="FB72" s="13"/>
      <c r="FC72" s="13"/>
      <c r="FD72" s="13"/>
      <c r="FE72" s="13"/>
      <c r="FF72" s="13"/>
    </row>
    <row r="73" spans="1:162" s="8" customFormat="1" ht="8.5" customHeight="1" x14ac:dyDescent="0.55000000000000004">
      <c r="A73" s="263"/>
      <c r="B73" s="263"/>
      <c r="C73" s="263"/>
      <c r="D73" s="220"/>
      <c r="E73" s="221"/>
      <c r="F73" s="221"/>
      <c r="G73" s="221"/>
      <c r="H73" s="221"/>
      <c r="I73" s="221"/>
      <c r="J73" s="221"/>
      <c r="K73" s="221"/>
      <c r="L73" s="221"/>
      <c r="M73" s="221"/>
      <c r="N73" s="221"/>
      <c r="O73" s="221"/>
      <c r="P73" s="221"/>
      <c r="Q73" s="221"/>
      <c r="R73" s="221"/>
      <c r="S73" s="221"/>
      <c r="T73" s="221"/>
      <c r="U73" s="221"/>
      <c r="V73" s="221"/>
      <c r="W73" s="203"/>
      <c r="X73" s="203"/>
      <c r="Y73" s="203"/>
      <c r="Z73" s="203"/>
      <c r="AA73" s="203"/>
      <c r="AB73" s="203"/>
      <c r="AC73" s="203"/>
      <c r="AD73" s="203"/>
      <c r="AE73" s="205"/>
      <c r="AF73" s="205"/>
      <c r="AG73" s="205"/>
      <c r="AH73" s="205"/>
      <c r="AI73" s="205"/>
      <c r="AJ73" s="205"/>
      <c r="AK73" s="205"/>
      <c r="AL73" s="205"/>
      <c r="AM73" s="205"/>
      <c r="AN73" s="205"/>
      <c r="AO73" s="205"/>
      <c r="AP73" s="205"/>
      <c r="AQ73" s="205"/>
      <c r="AR73" s="205"/>
      <c r="AS73" s="205"/>
      <c r="AT73" s="205"/>
      <c r="AU73" s="205"/>
      <c r="AV73" s="205"/>
      <c r="AW73" s="205"/>
      <c r="AX73" s="205"/>
      <c r="AY73" s="205"/>
      <c r="AZ73" s="205"/>
      <c r="BA73" s="205"/>
      <c r="BB73" s="205"/>
      <c r="BC73" s="205"/>
      <c r="BD73" s="207"/>
      <c r="BE73" s="264"/>
      <c r="BF73" s="264"/>
      <c r="BG73" s="264"/>
      <c r="BH73" s="226"/>
      <c r="BI73" s="226"/>
      <c r="BJ73" s="226"/>
      <c r="BK73" s="226"/>
      <c r="BL73" s="226"/>
      <c r="BM73" s="226"/>
      <c r="BN73" s="226"/>
      <c r="BO73" s="226"/>
      <c r="BP73" s="226"/>
      <c r="BQ73" s="226"/>
      <c r="BR73" s="226"/>
      <c r="BS73" s="226"/>
      <c r="BT73" s="226"/>
      <c r="BU73" s="226"/>
      <c r="BV73" s="226"/>
      <c r="BW73" s="226"/>
      <c r="BX73" s="226"/>
      <c r="BY73" s="226"/>
      <c r="BZ73" s="226"/>
      <c r="CA73" s="226"/>
      <c r="CB73" s="226"/>
      <c r="CC73" s="226"/>
      <c r="CD73" s="226"/>
      <c r="CE73" s="226"/>
      <c r="CF73" s="226"/>
      <c r="CG73" s="226"/>
      <c r="CH73" s="226"/>
      <c r="CI73" s="226"/>
      <c r="CJ73" s="226"/>
      <c r="CK73" s="226"/>
      <c r="CL73" s="226"/>
      <c r="CM73" s="226"/>
      <c r="CN73" s="226"/>
      <c r="CO73" s="226"/>
      <c r="CP73" s="226"/>
      <c r="CQ73" s="226"/>
      <c r="CR73" s="13"/>
      <c r="CS73" s="13"/>
      <c r="CT73" s="13"/>
      <c r="CU73" s="13"/>
      <c r="DE73" s="14"/>
      <c r="DF73" s="14"/>
      <c r="DG73" s="14"/>
      <c r="DH73" s="219"/>
      <c r="DI73" s="219"/>
      <c r="DJ73" s="219"/>
      <c r="DK73" s="219"/>
      <c r="DL73" s="219"/>
      <c r="DM73" s="219"/>
      <c r="DN73" s="219"/>
      <c r="DO73" s="219"/>
      <c r="DP73" s="219"/>
      <c r="DQ73" s="219"/>
      <c r="DR73" s="219"/>
      <c r="DS73" s="219"/>
      <c r="DT73" s="219"/>
      <c r="DU73" s="219"/>
      <c r="DV73" s="219"/>
      <c r="DW73" s="219"/>
      <c r="DX73" s="219"/>
      <c r="DY73" s="219"/>
      <c r="DZ73" s="219"/>
      <c r="EA73" s="219"/>
      <c r="EB73" s="219"/>
      <c r="EC73" s="219"/>
      <c r="ED73" s="219"/>
      <c r="EE73" s="219"/>
      <c r="EF73" s="219"/>
      <c r="EG73" s="219"/>
      <c r="EH73" s="219"/>
      <c r="EI73" s="219"/>
      <c r="EJ73" s="219"/>
      <c r="EK73" s="219"/>
      <c r="EL73" s="219"/>
      <c r="EM73" s="219"/>
      <c r="EN73" s="219"/>
      <c r="EO73" s="219"/>
      <c r="EP73" s="219"/>
      <c r="EQ73" s="219"/>
      <c r="EU73" s="13"/>
      <c r="EV73" s="13"/>
      <c r="EW73" s="13"/>
      <c r="EX73" s="13"/>
      <c r="EY73" s="13"/>
      <c r="EZ73" s="13"/>
      <c r="FA73" s="13"/>
      <c r="FB73" s="13"/>
      <c r="FC73" s="13"/>
      <c r="FD73" s="13"/>
      <c r="FE73" s="13"/>
      <c r="FF73" s="13"/>
    </row>
    <row r="74" spans="1:162" s="8" customFormat="1" ht="8.5" customHeight="1" x14ac:dyDescent="0.55000000000000004">
      <c r="A74" s="263"/>
      <c r="B74" s="263"/>
      <c r="C74" s="263"/>
      <c r="D74" s="220"/>
      <c r="E74" s="221"/>
      <c r="F74" s="221"/>
      <c r="G74" s="221"/>
      <c r="H74" s="221"/>
      <c r="I74" s="221"/>
      <c r="J74" s="221"/>
      <c r="K74" s="221"/>
      <c r="L74" s="221"/>
      <c r="M74" s="221"/>
      <c r="N74" s="221"/>
      <c r="O74" s="221"/>
      <c r="P74" s="221"/>
      <c r="Q74" s="221"/>
      <c r="R74" s="221"/>
      <c r="S74" s="221"/>
      <c r="T74" s="221"/>
      <c r="U74" s="221"/>
      <c r="V74" s="221"/>
      <c r="W74" s="203"/>
      <c r="X74" s="203"/>
      <c r="Y74" s="203"/>
      <c r="Z74" s="203"/>
      <c r="AA74" s="203"/>
      <c r="AB74" s="203"/>
      <c r="AC74" s="203"/>
      <c r="AD74" s="203"/>
      <c r="AE74" s="205"/>
      <c r="AF74" s="205"/>
      <c r="AG74" s="205"/>
      <c r="AH74" s="205"/>
      <c r="AI74" s="205"/>
      <c r="AJ74" s="205"/>
      <c r="AK74" s="205"/>
      <c r="AL74" s="205"/>
      <c r="AM74" s="205"/>
      <c r="AN74" s="205"/>
      <c r="AO74" s="205"/>
      <c r="AP74" s="205"/>
      <c r="AQ74" s="205"/>
      <c r="AR74" s="205"/>
      <c r="AS74" s="205"/>
      <c r="AT74" s="205"/>
      <c r="AU74" s="205"/>
      <c r="AV74" s="205"/>
      <c r="AW74" s="205"/>
      <c r="AX74" s="205"/>
      <c r="AY74" s="205"/>
      <c r="AZ74" s="205"/>
      <c r="BA74" s="205"/>
      <c r="BB74" s="205"/>
      <c r="BC74" s="205"/>
      <c r="BD74" s="207"/>
      <c r="BE74" s="264"/>
      <c r="BF74" s="264"/>
      <c r="BG74" s="264"/>
      <c r="BH74" s="274"/>
      <c r="BI74" s="274"/>
      <c r="BJ74" s="274"/>
      <c r="BK74" s="274"/>
      <c r="BL74" s="274"/>
      <c r="BM74" s="274"/>
      <c r="BN74" s="274"/>
      <c r="BO74" s="274"/>
      <c r="BP74" s="274"/>
      <c r="BQ74" s="274"/>
      <c r="BR74" s="274"/>
      <c r="BS74" s="274"/>
      <c r="BT74" s="274"/>
      <c r="BU74" s="274"/>
      <c r="BV74" s="274"/>
      <c r="BW74" s="274"/>
      <c r="BX74" s="274"/>
      <c r="BY74" s="274"/>
      <c r="BZ74" s="274"/>
      <c r="CA74" s="274"/>
      <c r="CB74" s="274"/>
      <c r="CC74" s="274"/>
      <c r="CD74" s="274"/>
      <c r="CE74" s="274"/>
      <c r="CF74" s="274"/>
      <c r="CG74" s="274"/>
      <c r="CH74" s="274"/>
      <c r="CI74" s="274"/>
      <c r="CJ74" s="274"/>
      <c r="CK74" s="274"/>
      <c r="CL74" s="274"/>
      <c r="CM74" s="274"/>
      <c r="CN74" s="274"/>
      <c r="CO74" s="274"/>
      <c r="CP74" s="274"/>
      <c r="CQ74" s="274"/>
      <c r="CR74" s="13"/>
      <c r="CS74" s="13"/>
      <c r="CT74" s="13"/>
      <c r="CU74" s="13"/>
      <c r="DE74" s="14"/>
      <c r="DF74" s="14"/>
      <c r="DG74" s="14"/>
      <c r="DH74" s="219"/>
      <c r="DI74" s="219"/>
      <c r="DJ74" s="219"/>
      <c r="DK74" s="219"/>
      <c r="DL74" s="219"/>
      <c r="DM74" s="219"/>
      <c r="DN74" s="219"/>
      <c r="DO74" s="219"/>
      <c r="DP74" s="219"/>
      <c r="DQ74" s="219"/>
      <c r="DR74" s="219"/>
      <c r="DS74" s="219"/>
      <c r="DT74" s="219"/>
      <c r="DU74" s="219"/>
      <c r="DV74" s="219"/>
      <c r="DW74" s="219"/>
      <c r="DX74" s="219"/>
      <c r="DY74" s="219"/>
      <c r="DZ74" s="219"/>
      <c r="EA74" s="219"/>
      <c r="EB74" s="219"/>
      <c r="EC74" s="219"/>
      <c r="ED74" s="219"/>
      <c r="EE74" s="219"/>
      <c r="EF74" s="219"/>
      <c r="EG74" s="219"/>
      <c r="EH74" s="219"/>
      <c r="EI74" s="219"/>
      <c r="EJ74" s="219"/>
      <c r="EK74" s="219"/>
      <c r="EL74" s="219"/>
      <c r="EM74" s="219"/>
      <c r="EN74" s="219"/>
      <c r="EO74" s="219"/>
      <c r="EP74" s="219"/>
      <c r="EQ74" s="219"/>
      <c r="EU74" s="14"/>
      <c r="EV74" s="13"/>
      <c r="EW74" s="13"/>
      <c r="EX74" s="13"/>
      <c r="EY74" s="13"/>
      <c r="EZ74" s="13"/>
      <c r="FA74" s="13"/>
      <c r="FB74" s="13"/>
      <c r="FC74" s="13"/>
      <c r="FD74" s="13"/>
      <c r="FE74" s="13"/>
      <c r="FF74" s="13"/>
    </row>
    <row r="75" spans="1:162" s="8" customFormat="1" ht="8.5" customHeight="1" x14ac:dyDescent="0.55000000000000004">
      <c r="A75" s="263"/>
      <c r="B75" s="263"/>
      <c r="C75" s="263"/>
      <c r="D75" s="220" t="s">
        <v>108</v>
      </c>
      <c r="E75" s="221"/>
      <c r="F75" s="221"/>
      <c r="G75" s="221"/>
      <c r="H75" s="221"/>
      <c r="I75" s="221"/>
      <c r="J75" s="221"/>
      <c r="K75" s="221"/>
      <c r="L75" s="221"/>
      <c r="M75" s="221"/>
      <c r="N75" s="221"/>
      <c r="O75" s="221"/>
      <c r="P75" s="221"/>
      <c r="Q75" s="221"/>
      <c r="R75" s="221"/>
      <c r="S75" s="221"/>
      <c r="T75" s="221"/>
      <c r="U75" s="221"/>
      <c r="V75" s="221"/>
      <c r="W75" s="205"/>
      <c r="X75" s="205"/>
      <c r="Y75" s="205"/>
      <c r="Z75" s="205"/>
      <c r="AA75" s="205"/>
      <c r="AB75" s="205"/>
      <c r="AC75" s="205"/>
      <c r="AD75" s="205"/>
      <c r="AE75" s="205"/>
      <c r="AF75" s="205"/>
      <c r="AG75" s="205"/>
      <c r="AH75" s="205"/>
      <c r="AI75" s="205"/>
      <c r="AJ75" s="205"/>
      <c r="AK75" s="205"/>
      <c r="AL75" s="205"/>
      <c r="AM75" s="205"/>
      <c r="AN75" s="205"/>
      <c r="AO75" s="205"/>
      <c r="AP75" s="205"/>
      <c r="AQ75" s="205"/>
      <c r="AR75" s="205"/>
      <c r="AS75" s="205"/>
      <c r="AT75" s="205"/>
      <c r="AU75" s="205"/>
      <c r="AV75" s="205"/>
      <c r="AW75" s="205"/>
      <c r="AX75" s="205"/>
      <c r="AY75" s="205"/>
      <c r="AZ75" s="205"/>
      <c r="BA75" s="205"/>
      <c r="BB75" s="205"/>
      <c r="BC75" s="205"/>
      <c r="BD75" s="207"/>
      <c r="BE75" s="264"/>
      <c r="BF75" s="264"/>
      <c r="BG75" s="264"/>
      <c r="BH75" s="189"/>
      <c r="BI75" s="189"/>
      <c r="BJ75" s="189"/>
      <c r="BK75" s="189"/>
      <c r="BL75" s="189"/>
      <c r="BM75" s="189"/>
      <c r="BN75" s="189"/>
      <c r="BO75" s="189"/>
      <c r="BP75" s="189"/>
      <c r="BQ75" s="189"/>
      <c r="BR75" s="189"/>
      <c r="BS75" s="189"/>
      <c r="BT75" s="189"/>
      <c r="BU75" s="189"/>
      <c r="BV75" s="189"/>
      <c r="BW75" s="189"/>
      <c r="BX75" s="189"/>
      <c r="BY75" s="189"/>
      <c r="BZ75" s="189"/>
      <c r="CA75" s="189"/>
      <c r="CB75" s="189"/>
      <c r="CC75" s="189"/>
      <c r="CD75" s="189"/>
      <c r="CE75" s="189"/>
      <c r="CF75" s="189"/>
      <c r="CG75" s="189"/>
      <c r="CH75" s="189"/>
      <c r="CI75" s="189"/>
      <c r="CJ75" s="189"/>
      <c r="CK75" s="189"/>
      <c r="CL75" s="189"/>
      <c r="CM75" s="189"/>
      <c r="CN75" s="189"/>
      <c r="CO75" s="189"/>
      <c r="CP75" s="189"/>
      <c r="CQ75" s="189"/>
      <c r="CR75" s="13"/>
      <c r="CS75" s="13"/>
      <c r="CT75" s="13"/>
      <c r="CU75" s="13"/>
      <c r="DE75" s="14"/>
      <c r="DF75" s="14"/>
      <c r="DG75" s="14"/>
      <c r="DH75" s="219"/>
      <c r="DI75" s="219"/>
      <c r="DJ75" s="219"/>
      <c r="DK75" s="219"/>
      <c r="DL75" s="219"/>
      <c r="DM75" s="219"/>
      <c r="DN75" s="219"/>
      <c r="DO75" s="219"/>
      <c r="DP75" s="219"/>
      <c r="DQ75" s="219"/>
      <c r="DR75" s="219"/>
      <c r="DS75" s="219"/>
      <c r="DT75" s="219"/>
      <c r="DU75" s="219"/>
      <c r="DV75" s="219"/>
      <c r="DW75" s="219"/>
      <c r="DX75" s="219"/>
      <c r="DY75" s="219"/>
      <c r="DZ75" s="219"/>
      <c r="EA75" s="219"/>
      <c r="EB75" s="219"/>
      <c r="EC75" s="219"/>
      <c r="ED75" s="219"/>
      <c r="EE75" s="219"/>
      <c r="EF75" s="219"/>
      <c r="EG75" s="219"/>
      <c r="EH75" s="219"/>
      <c r="EI75" s="219"/>
      <c r="EJ75" s="219"/>
      <c r="EK75" s="219"/>
      <c r="EL75" s="219"/>
      <c r="EM75" s="219"/>
      <c r="EN75" s="219"/>
      <c r="EO75" s="219"/>
      <c r="EP75" s="219"/>
      <c r="EQ75" s="219"/>
      <c r="EU75" s="13"/>
      <c r="EV75" s="13"/>
      <c r="EW75" s="13"/>
      <c r="EX75" s="13"/>
      <c r="EY75" s="13"/>
      <c r="EZ75" s="13"/>
      <c r="FA75" s="13"/>
      <c r="FB75" s="13"/>
      <c r="FC75" s="13"/>
      <c r="FD75" s="13"/>
      <c r="FE75" s="13"/>
      <c r="FF75" s="13"/>
    </row>
    <row r="76" spans="1:162" s="8" customFormat="1" ht="8.5" customHeight="1" x14ac:dyDescent="0.55000000000000004">
      <c r="A76" s="263"/>
      <c r="B76" s="263"/>
      <c r="C76" s="263"/>
      <c r="D76" s="220"/>
      <c r="E76" s="221"/>
      <c r="F76" s="221"/>
      <c r="G76" s="221"/>
      <c r="H76" s="221"/>
      <c r="I76" s="221"/>
      <c r="J76" s="221"/>
      <c r="K76" s="221"/>
      <c r="L76" s="221"/>
      <c r="M76" s="221"/>
      <c r="N76" s="221"/>
      <c r="O76" s="221"/>
      <c r="P76" s="221"/>
      <c r="Q76" s="221"/>
      <c r="R76" s="221"/>
      <c r="S76" s="221"/>
      <c r="T76" s="221"/>
      <c r="U76" s="221"/>
      <c r="V76" s="221"/>
      <c r="W76" s="205"/>
      <c r="X76" s="205"/>
      <c r="Y76" s="205"/>
      <c r="Z76" s="205"/>
      <c r="AA76" s="205"/>
      <c r="AB76" s="205"/>
      <c r="AC76" s="205"/>
      <c r="AD76" s="205"/>
      <c r="AE76" s="205"/>
      <c r="AF76" s="205"/>
      <c r="AG76" s="205"/>
      <c r="AH76" s="205"/>
      <c r="AI76" s="205"/>
      <c r="AJ76" s="205"/>
      <c r="AK76" s="205"/>
      <c r="AL76" s="205"/>
      <c r="AM76" s="205"/>
      <c r="AN76" s="205"/>
      <c r="AO76" s="205"/>
      <c r="AP76" s="205"/>
      <c r="AQ76" s="205"/>
      <c r="AR76" s="205"/>
      <c r="AS76" s="205"/>
      <c r="AT76" s="205"/>
      <c r="AU76" s="205"/>
      <c r="AV76" s="205"/>
      <c r="AW76" s="205"/>
      <c r="AX76" s="205"/>
      <c r="AY76" s="205"/>
      <c r="AZ76" s="205"/>
      <c r="BA76" s="205"/>
      <c r="BB76" s="205"/>
      <c r="BC76" s="205"/>
      <c r="BD76" s="207"/>
      <c r="BE76" s="264"/>
      <c r="BF76" s="264"/>
      <c r="BG76" s="264"/>
      <c r="BH76" s="190"/>
      <c r="BI76" s="190"/>
      <c r="BJ76" s="190"/>
      <c r="BK76" s="190"/>
      <c r="BL76" s="190"/>
      <c r="BM76" s="190"/>
      <c r="BN76" s="190"/>
      <c r="BO76" s="190"/>
      <c r="BP76" s="190"/>
      <c r="BQ76" s="190"/>
      <c r="BR76" s="190"/>
      <c r="BS76" s="190"/>
      <c r="BT76" s="190"/>
      <c r="BU76" s="190"/>
      <c r="BV76" s="190"/>
      <c r="BW76" s="190"/>
      <c r="BX76" s="190"/>
      <c r="BY76" s="190"/>
      <c r="BZ76" s="190"/>
      <c r="CA76" s="190"/>
      <c r="CB76" s="190"/>
      <c r="CC76" s="190"/>
      <c r="CD76" s="190"/>
      <c r="CE76" s="190"/>
      <c r="CF76" s="190"/>
      <c r="CG76" s="190"/>
      <c r="CH76" s="190"/>
      <c r="CI76" s="190"/>
      <c r="CJ76" s="190"/>
      <c r="CK76" s="190"/>
      <c r="CL76" s="190"/>
      <c r="CM76" s="190"/>
      <c r="CN76" s="190"/>
      <c r="CO76" s="190"/>
      <c r="CP76" s="190"/>
      <c r="CQ76" s="190"/>
      <c r="CR76" s="13"/>
      <c r="CS76" s="13"/>
      <c r="CT76" s="13"/>
      <c r="CU76" s="13"/>
      <c r="DE76" s="14"/>
      <c r="DF76" s="14"/>
      <c r="DG76" s="14"/>
      <c r="DH76" s="219"/>
      <c r="DI76" s="219"/>
      <c r="DJ76" s="219"/>
      <c r="DK76" s="219"/>
      <c r="DL76" s="219"/>
      <c r="DM76" s="219"/>
      <c r="DN76" s="219"/>
      <c r="DO76" s="219"/>
      <c r="DP76" s="219"/>
      <c r="DQ76" s="219"/>
      <c r="DR76" s="219"/>
      <c r="DS76" s="219"/>
      <c r="DT76" s="219"/>
      <c r="DU76" s="219"/>
      <c r="DV76" s="219"/>
      <c r="DW76" s="219"/>
      <c r="DX76" s="219"/>
      <c r="DY76" s="219"/>
      <c r="DZ76" s="219"/>
      <c r="EA76" s="219"/>
      <c r="EB76" s="219"/>
      <c r="EC76" s="219"/>
      <c r="ED76" s="219"/>
      <c r="EE76" s="219"/>
      <c r="EF76" s="219"/>
      <c r="EG76" s="219"/>
      <c r="EH76" s="219"/>
      <c r="EI76" s="219"/>
      <c r="EJ76" s="219"/>
      <c r="EK76" s="219"/>
      <c r="EL76" s="219"/>
      <c r="EM76" s="219"/>
      <c r="EN76" s="219"/>
      <c r="EO76" s="219"/>
      <c r="EP76" s="219"/>
      <c r="EQ76" s="219"/>
      <c r="EU76" s="13"/>
      <c r="EV76" s="13"/>
      <c r="EW76" s="13"/>
      <c r="EX76" s="13"/>
      <c r="EY76" s="13"/>
      <c r="EZ76" s="13"/>
      <c r="FA76" s="13"/>
      <c r="FB76" s="13"/>
      <c r="FC76" s="13"/>
      <c r="FD76" s="13"/>
      <c r="FE76" s="13"/>
      <c r="FF76" s="13"/>
    </row>
    <row r="77" spans="1:162" s="8" customFormat="1" ht="8.5" customHeight="1" x14ac:dyDescent="0.55000000000000004">
      <c r="A77" s="263"/>
      <c r="B77" s="263"/>
      <c r="C77" s="263"/>
      <c r="D77" s="269"/>
      <c r="E77" s="270"/>
      <c r="F77" s="270"/>
      <c r="G77" s="270"/>
      <c r="H77" s="270"/>
      <c r="I77" s="270"/>
      <c r="J77" s="270"/>
      <c r="K77" s="270"/>
      <c r="L77" s="270"/>
      <c r="M77" s="270"/>
      <c r="N77" s="270"/>
      <c r="O77" s="270"/>
      <c r="P77" s="270"/>
      <c r="Q77" s="270"/>
      <c r="R77" s="270"/>
      <c r="S77" s="270"/>
      <c r="T77" s="270"/>
      <c r="U77" s="270"/>
      <c r="V77" s="270"/>
      <c r="W77" s="222"/>
      <c r="X77" s="222"/>
      <c r="Y77" s="222"/>
      <c r="Z77" s="222"/>
      <c r="AA77" s="222"/>
      <c r="AB77" s="222"/>
      <c r="AC77" s="222"/>
      <c r="AD77" s="222"/>
      <c r="AE77" s="222"/>
      <c r="AF77" s="222"/>
      <c r="AG77" s="222"/>
      <c r="AH77" s="222"/>
      <c r="AI77" s="222"/>
      <c r="AJ77" s="222"/>
      <c r="AK77" s="222"/>
      <c r="AL77" s="222"/>
      <c r="AM77" s="222"/>
      <c r="AN77" s="222"/>
      <c r="AO77" s="222"/>
      <c r="AP77" s="222"/>
      <c r="AQ77" s="222"/>
      <c r="AR77" s="222"/>
      <c r="AS77" s="222"/>
      <c r="AT77" s="222"/>
      <c r="AU77" s="222"/>
      <c r="AV77" s="222"/>
      <c r="AW77" s="222"/>
      <c r="AX77" s="222"/>
      <c r="AY77" s="222"/>
      <c r="AZ77" s="222"/>
      <c r="BA77" s="222"/>
      <c r="BB77" s="222"/>
      <c r="BC77" s="222"/>
      <c r="BD77" s="223"/>
      <c r="BE77" s="264"/>
      <c r="BF77" s="264"/>
      <c r="BG77" s="264"/>
      <c r="BH77" s="191"/>
      <c r="BI77" s="191"/>
      <c r="BJ77" s="191"/>
      <c r="BK77" s="191"/>
      <c r="BL77" s="191"/>
      <c r="BM77" s="191"/>
      <c r="BN77" s="191"/>
      <c r="BO77" s="191"/>
      <c r="BP77" s="191"/>
      <c r="BQ77" s="191"/>
      <c r="BR77" s="191"/>
      <c r="BS77" s="191"/>
      <c r="BT77" s="191"/>
      <c r="BU77" s="191"/>
      <c r="BV77" s="191"/>
      <c r="BW77" s="191"/>
      <c r="BX77" s="191"/>
      <c r="BY77" s="191"/>
      <c r="BZ77" s="191"/>
      <c r="CA77" s="191"/>
      <c r="CB77" s="191"/>
      <c r="CC77" s="191"/>
      <c r="CD77" s="191"/>
      <c r="CE77" s="191"/>
      <c r="CF77" s="191"/>
      <c r="CG77" s="191"/>
      <c r="CH77" s="191"/>
      <c r="CI77" s="191"/>
      <c r="CJ77" s="191"/>
      <c r="CK77" s="191"/>
      <c r="CL77" s="191"/>
      <c r="CM77" s="191"/>
      <c r="CN77" s="191"/>
      <c r="CO77" s="191"/>
      <c r="CP77" s="191"/>
      <c r="CQ77" s="191"/>
      <c r="CR77" s="13"/>
      <c r="CS77" s="13"/>
      <c r="CT77" s="13"/>
      <c r="CU77" s="13"/>
      <c r="DE77" s="14"/>
      <c r="DF77" s="14"/>
      <c r="DG77" s="14"/>
      <c r="DH77" s="219"/>
      <c r="DI77" s="219"/>
      <c r="DJ77" s="219"/>
      <c r="DK77" s="219"/>
      <c r="DL77" s="219"/>
      <c r="DM77" s="219"/>
      <c r="DN77" s="219"/>
      <c r="DO77" s="219"/>
      <c r="DP77" s="219"/>
      <c r="DQ77" s="219"/>
      <c r="DR77" s="219"/>
      <c r="DS77" s="219"/>
      <c r="DT77" s="219"/>
      <c r="DU77" s="219"/>
      <c r="DV77" s="219"/>
      <c r="DW77" s="219"/>
      <c r="DX77" s="219"/>
      <c r="DY77" s="219"/>
      <c r="DZ77" s="219"/>
      <c r="EA77" s="219"/>
      <c r="EB77" s="219"/>
      <c r="EC77" s="219"/>
      <c r="ED77" s="219"/>
      <c r="EE77" s="219"/>
      <c r="EF77" s="219"/>
      <c r="EG77" s="219"/>
      <c r="EH77" s="219"/>
      <c r="EI77" s="219"/>
      <c r="EJ77" s="219"/>
      <c r="EK77" s="219"/>
      <c r="EL77" s="219"/>
      <c r="EM77" s="219"/>
      <c r="EN77" s="219"/>
      <c r="EO77" s="219"/>
      <c r="EP77" s="219"/>
      <c r="EQ77" s="219"/>
      <c r="EU77" s="13"/>
      <c r="EV77" s="13"/>
      <c r="EW77" s="13"/>
      <c r="EX77" s="13"/>
      <c r="EY77" s="13"/>
      <c r="EZ77" s="13"/>
      <c r="FA77" s="13"/>
      <c r="FB77" s="13"/>
      <c r="FC77" s="13"/>
      <c r="FD77" s="13"/>
      <c r="FE77" s="13"/>
      <c r="FF77" s="13"/>
    </row>
    <row r="78" spans="1:162" s="8" customFormat="1" ht="7" customHeight="1" x14ac:dyDescent="0.55000000000000004">
      <c r="A78" s="25"/>
      <c r="B78" s="25"/>
      <c r="C78" s="25"/>
      <c r="D78" s="26"/>
      <c r="E78" s="26"/>
      <c r="F78" s="26"/>
      <c r="G78" s="26"/>
      <c r="H78" s="26"/>
      <c r="I78" s="26"/>
      <c r="J78" s="26"/>
      <c r="K78" s="26"/>
      <c r="L78" s="26"/>
      <c r="M78" s="26"/>
      <c r="N78" s="26"/>
      <c r="O78" s="26"/>
      <c r="P78" s="26"/>
      <c r="Q78" s="26"/>
      <c r="R78" s="26"/>
      <c r="S78" s="26"/>
      <c r="T78" s="26"/>
      <c r="U78" s="26"/>
      <c r="V78" s="26"/>
      <c r="W78" s="26"/>
      <c r="X78" s="26"/>
      <c r="Y78" s="26"/>
      <c r="Z78" s="26"/>
      <c r="AA78" s="26"/>
      <c r="AB78" s="26"/>
      <c r="AC78" s="26"/>
      <c r="AD78" s="26"/>
      <c r="AE78" s="26"/>
      <c r="AF78" s="26"/>
      <c r="AG78" s="26"/>
      <c r="AH78" s="26"/>
      <c r="AI78" s="26"/>
      <c r="AJ78" s="26"/>
      <c r="AK78" s="26"/>
      <c r="AL78" s="26"/>
      <c r="AM78" s="26"/>
      <c r="AN78" s="26"/>
      <c r="AO78" s="26"/>
      <c r="AP78" s="26"/>
      <c r="AQ78" s="26"/>
      <c r="AR78" s="26"/>
      <c r="AS78" s="26"/>
      <c r="AT78" s="26"/>
      <c r="AU78" s="26"/>
      <c r="AV78" s="26"/>
      <c r="AW78" s="26"/>
      <c r="AX78" s="26"/>
      <c r="AY78" s="26"/>
      <c r="AZ78" s="26"/>
      <c r="BA78" s="26"/>
      <c r="BB78" s="26"/>
      <c r="BC78" s="27"/>
      <c r="BD78" s="27"/>
      <c r="BE78" s="27"/>
      <c r="BF78" s="28"/>
      <c r="BG78" s="28"/>
      <c r="BH78" s="28"/>
      <c r="BI78" s="28"/>
      <c r="BJ78" s="28"/>
      <c r="BK78" s="28"/>
      <c r="BL78" s="28"/>
      <c r="BM78" s="28"/>
      <c r="BN78" s="28"/>
      <c r="BO78" s="28"/>
      <c r="BP78" s="28"/>
      <c r="BQ78" s="28"/>
      <c r="BR78" s="28"/>
      <c r="BS78" s="28"/>
      <c r="BT78" s="28"/>
      <c r="BU78" s="28"/>
      <c r="BV78" s="28"/>
      <c r="BW78" s="28"/>
      <c r="BX78" s="28"/>
      <c r="BY78" s="28"/>
      <c r="BZ78" s="28"/>
      <c r="CA78" s="28"/>
      <c r="CB78" s="28"/>
      <c r="CC78" s="28"/>
      <c r="CD78" s="28"/>
      <c r="CE78" s="28"/>
      <c r="CF78" s="28"/>
      <c r="CG78" s="28"/>
      <c r="CH78" s="28"/>
      <c r="CI78" s="28"/>
      <c r="CJ78" s="28"/>
      <c r="CK78" s="28"/>
      <c r="CL78" s="28"/>
      <c r="CM78" s="28"/>
      <c r="CN78" s="24"/>
      <c r="CO78" s="24"/>
      <c r="CP78" s="24"/>
      <c r="CQ78" s="24"/>
      <c r="CR78" s="24"/>
      <c r="CS78" s="24"/>
      <c r="CT78" s="24"/>
      <c r="CU78" s="24"/>
      <c r="CV78" s="24"/>
      <c r="CW78" s="24"/>
      <c r="CX78" s="24"/>
      <c r="CY78" s="24"/>
      <c r="CZ78" s="24"/>
      <c r="DA78" s="24"/>
      <c r="DE78" s="14"/>
      <c r="DF78" s="14"/>
      <c r="DG78" s="14"/>
      <c r="DH78" s="219"/>
      <c r="DI78" s="219"/>
      <c r="DJ78" s="219"/>
      <c r="DK78" s="219"/>
      <c r="DL78" s="219"/>
      <c r="DM78" s="219"/>
      <c r="DN78" s="219"/>
      <c r="DO78" s="219"/>
      <c r="DP78" s="219"/>
      <c r="DQ78" s="219"/>
      <c r="DR78" s="219"/>
      <c r="DS78" s="219"/>
      <c r="DT78" s="219"/>
      <c r="DU78" s="219"/>
      <c r="DV78" s="219"/>
      <c r="DW78" s="219"/>
      <c r="DX78" s="219"/>
      <c r="DY78" s="219"/>
      <c r="DZ78" s="219"/>
      <c r="EA78" s="219"/>
      <c r="EB78" s="219"/>
      <c r="EC78" s="219"/>
      <c r="ED78" s="219"/>
      <c r="EE78" s="219"/>
      <c r="EF78" s="219"/>
      <c r="EG78" s="219"/>
      <c r="EH78" s="219"/>
      <c r="EI78" s="219"/>
      <c r="EJ78" s="219"/>
      <c r="EK78" s="219"/>
      <c r="EL78" s="219"/>
      <c r="EM78" s="219"/>
      <c r="EN78" s="219"/>
      <c r="EO78" s="219"/>
      <c r="EP78" s="219"/>
      <c r="EQ78" s="219"/>
    </row>
    <row r="79" spans="1:162" s="8" customFormat="1" ht="9" customHeight="1" x14ac:dyDescent="0.55000000000000004">
      <c r="A79" s="208" t="s">
        <v>160</v>
      </c>
      <c r="B79" s="208"/>
      <c r="C79" s="208"/>
      <c r="D79" s="208"/>
      <c r="E79" s="208"/>
      <c r="F79" s="208"/>
      <c r="G79" s="208"/>
      <c r="H79" s="208"/>
      <c r="I79" s="208"/>
      <c r="J79" s="208"/>
      <c r="K79" s="208"/>
      <c r="L79" s="208"/>
      <c r="M79" s="208"/>
      <c r="N79" s="208"/>
      <c r="O79" s="208"/>
      <c r="P79" s="208"/>
      <c r="Q79" s="208"/>
      <c r="R79" s="208"/>
      <c r="S79" s="208"/>
      <c r="T79" s="208"/>
      <c r="U79" s="208"/>
      <c r="V79" s="208"/>
      <c r="W79" s="208"/>
      <c r="X79" s="208"/>
      <c r="Y79" s="208"/>
      <c r="Z79" s="208"/>
      <c r="AA79" s="208"/>
      <c r="AB79" s="208"/>
      <c r="AC79" s="208"/>
      <c r="AD79" s="208"/>
      <c r="AE79" s="208"/>
      <c r="AF79" s="208"/>
      <c r="AG79" s="208"/>
      <c r="AH79" s="208"/>
      <c r="AI79" s="208"/>
      <c r="AJ79" s="208"/>
      <c r="AK79" s="208"/>
      <c r="AL79" s="208"/>
      <c r="AM79" s="208"/>
      <c r="AN79" s="208"/>
      <c r="AO79" s="208"/>
      <c r="AP79" s="208"/>
      <c r="AQ79" s="208"/>
      <c r="AR79" s="208"/>
      <c r="AS79" s="208"/>
      <c r="AT79" s="208"/>
      <c r="AU79" s="208"/>
      <c r="AV79" s="208"/>
      <c r="AW79" s="208"/>
      <c r="AX79" s="208"/>
      <c r="AY79" s="208"/>
      <c r="AZ79" s="208"/>
      <c r="BA79" s="208"/>
      <c r="BB79" s="208"/>
      <c r="BC79" s="208"/>
      <c r="BD79" s="208"/>
      <c r="BE79" s="208"/>
      <c r="BF79" s="208"/>
      <c r="BG79" s="208"/>
      <c r="BH79" s="208"/>
      <c r="BI79" s="208"/>
      <c r="BJ79" s="208"/>
      <c r="BK79" s="208"/>
      <c r="BL79" s="208"/>
      <c r="BM79" s="208"/>
      <c r="BN79" s="208"/>
      <c r="BO79" s="208"/>
      <c r="BP79" s="208"/>
      <c r="BQ79" s="208"/>
      <c r="BR79" s="208"/>
      <c r="BS79" s="208"/>
      <c r="BT79" s="208"/>
      <c r="BU79" s="208"/>
      <c r="BV79" s="208"/>
      <c r="BW79" s="208"/>
      <c r="BX79" s="208"/>
      <c r="BY79" s="208"/>
      <c r="BZ79" s="208"/>
      <c r="CA79" s="208"/>
      <c r="CB79" s="208"/>
      <c r="CC79" s="208"/>
      <c r="CD79" s="208"/>
      <c r="CE79" s="208"/>
      <c r="CF79" s="208"/>
      <c r="CG79" s="208"/>
      <c r="CH79" s="208"/>
      <c r="CI79" s="208"/>
      <c r="CJ79" s="208"/>
      <c r="CK79" s="208"/>
      <c r="CL79" s="208"/>
      <c r="CM79" s="208"/>
      <c r="CN79" s="208"/>
      <c r="CO79" s="208"/>
      <c r="CP79" s="208"/>
      <c r="CQ79" s="208"/>
      <c r="CR79" s="24"/>
      <c r="CS79" s="24"/>
      <c r="CT79" s="24"/>
      <c r="CU79" s="24"/>
      <c r="CV79" s="24"/>
      <c r="CW79" s="24"/>
      <c r="CX79" s="24"/>
      <c r="CY79" s="24"/>
      <c r="CZ79" s="24"/>
      <c r="DA79" s="24"/>
      <c r="DE79" s="14"/>
      <c r="DF79" s="14"/>
      <c r="DG79" s="14"/>
      <c r="DH79" s="219"/>
      <c r="DI79" s="219"/>
      <c r="DJ79" s="219"/>
      <c r="DK79" s="219"/>
      <c r="DL79" s="219"/>
      <c r="DM79" s="219"/>
      <c r="DN79" s="219"/>
      <c r="DO79" s="219"/>
      <c r="DP79" s="219"/>
      <c r="DQ79" s="219"/>
      <c r="DR79" s="219"/>
      <c r="DS79" s="219"/>
      <c r="DT79" s="219"/>
      <c r="DU79" s="219"/>
      <c r="DV79" s="219"/>
      <c r="DW79" s="219"/>
      <c r="DX79" s="219"/>
      <c r="DY79" s="219"/>
      <c r="DZ79" s="219"/>
      <c r="EA79" s="219"/>
      <c r="EB79" s="219"/>
      <c r="EC79" s="219"/>
      <c r="ED79" s="219"/>
      <c r="EE79" s="219"/>
      <c r="EF79" s="219"/>
      <c r="EG79" s="219"/>
      <c r="EH79" s="219"/>
      <c r="EI79" s="219"/>
      <c r="EJ79" s="219"/>
      <c r="EK79" s="219"/>
      <c r="EL79" s="219"/>
      <c r="EM79" s="219"/>
      <c r="EN79" s="219"/>
      <c r="EO79" s="219"/>
      <c r="EP79" s="219"/>
      <c r="EQ79" s="219"/>
    </row>
    <row r="80" spans="1:162" s="8" customFormat="1" ht="9" customHeight="1" x14ac:dyDescent="0.55000000000000004">
      <c r="A80" s="208"/>
      <c r="B80" s="208"/>
      <c r="C80" s="208"/>
      <c r="D80" s="208"/>
      <c r="E80" s="208"/>
      <c r="F80" s="208"/>
      <c r="G80" s="208"/>
      <c r="H80" s="208"/>
      <c r="I80" s="208"/>
      <c r="J80" s="208"/>
      <c r="K80" s="208"/>
      <c r="L80" s="208"/>
      <c r="M80" s="208"/>
      <c r="N80" s="208"/>
      <c r="O80" s="208"/>
      <c r="P80" s="208"/>
      <c r="Q80" s="208"/>
      <c r="R80" s="208"/>
      <c r="S80" s="208"/>
      <c r="T80" s="208"/>
      <c r="U80" s="208"/>
      <c r="V80" s="208"/>
      <c r="W80" s="208"/>
      <c r="X80" s="208"/>
      <c r="Y80" s="208"/>
      <c r="Z80" s="208"/>
      <c r="AA80" s="208"/>
      <c r="AB80" s="208"/>
      <c r="AC80" s="208"/>
      <c r="AD80" s="208"/>
      <c r="AE80" s="208"/>
      <c r="AF80" s="208"/>
      <c r="AG80" s="208"/>
      <c r="AH80" s="208"/>
      <c r="AI80" s="208"/>
      <c r="AJ80" s="208"/>
      <c r="AK80" s="208"/>
      <c r="AL80" s="208"/>
      <c r="AM80" s="208"/>
      <c r="AN80" s="208"/>
      <c r="AO80" s="208"/>
      <c r="AP80" s="208"/>
      <c r="AQ80" s="208"/>
      <c r="AR80" s="208"/>
      <c r="AS80" s="208"/>
      <c r="AT80" s="208"/>
      <c r="AU80" s="208"/>
      <c r="AV80" s="208"/>
      <c r="AW80" s="208"/>
      <c r="AX80" s="208"/>
      <c r="AY80" s="208"/>
      <c r="AZ80" s="208"/>
      <c r="BA80" s="208"/>
      <c r="BB80" s="208"/>
      <c r="BC80" s="208"/>
      <c r="BD80" s="208"/>
      <c r="BE80" s="208"/>
      <c r="BF80" s="208"/>
      <c r="BG80" s="208"/>
      <c r="BH80" s="208"/>
      <c r="BI80" s="208"/>
      <c r="BJ80" s="208"/>
      <c r="BK80" s="208"/>
      <c r="BL80" s="208"/>
      <c r="BM80" s="208"/>
      <c r="BN80" s="208"/>
      <c r="BO80" s="208"/>
      <c r="BP80" s="208"/>
      <c r="BQ80" s="208"/>
      <c r="BR80" s="208"/>
      <c r="BS80" s="208"/>
      <c r="BT80" s="208"/>
      <c r="BU80" s="208"/>
      <c r="BV80" s="208"/>
      <c r="BW80" s="208"/>
      <c r="BX80" s="208"/>
      <c r="BY80" s="208"/>
      <c r="BZ80" s="208"/>
      <c r="CA80" s="208"/>
      <c r="CB80" s="208"/>
      <c r="CC80" s="208"/>
      <c r="CD80" s="208"/>
      <c r="CE80" s="208"/>
      <c r="CF80" s="208"/>
      <c r="CG80" s="208"/>
      <c r="CH80" s="208"/>
      <c r="CI80" s="208"/>
      <c r="CJ80" s="208"/>
      <c r="CK80" s="208"/>
      <c r="CL80" s="208"/>
      <c r="CM80" s="208"/>
      <c r="CN80" s="208"/>
      <c r="CO80" s="208"/>
      <c r="CP80" s="208"/>
      <c r="CQ80" s="208"/>
      <c r="DE80" s="14"/>
      <c r="DF80" s="14"/>
      <c r="DG80" s="14"/>
      <c r="DH80" s="219"/>
      <c r="DI80" s="219"/>
      <c r="DJ80" s="219"/>
      <c r="DK80" s="219"/>
      <c r="DL80" s="219"/>
      <c r="DM80" s="219"/>
      <c r="DN80" s="219"/>
      <c r="DO80" s="219"/>
      <c r="DP80" s="219"/>
      <c r="DQ80" s="219"/>
      <c r="DR80" s="219"/>
      <c r="DS80" s="219"/>
      <c r="DT80" s="219"/>
      <c r="DU80" s="219"/>
      <c r="DV80" s="219"/>
      <c r="DW80" s="219"/>
      <c r="DX80" s="219"/>
      <c r="DY80" s="219"/>
      <c r="DZ80" s="219"/>
      <c r="EA80" s="219"/>
      <c r="EB80" s="219"/>
      <c r="EC80" s="219"/>
      <c r="ED80" s="219"/>
      <c r="EE80" s="219"/>
      <c r="EF80" s="219"/>
      <c r="EG80" s="219"/>
      <c r="EH80" s="219"/>
      <c r="EI80" s="219"/>
      <c r="EJ80" s="219"/>
      <c r="EK80" s="219"/>
      <c r="EL80" s="219"/>
      <c r="EM80" s="219"/>
      <c r="EN80" s="219"/>
      <c r="EO80" s="219"/>
      <c r="EP80" s="219"/>
      <c r="EQ80" s="219"/>
    </row>
    <row r="81" spans="1:147" s="8" customFormat="1" ht="8.15" customHeight="1" x14ac:dyDescent="0.55000000000000004">
      <c r="A81" s="209" t="s">
        <v>113</v>
      </c>
      <c r="B81" s="210"/>
      <c r="C81" s="210"/>
      <c r="D81" s="210"/>
      <c r="E81" s="210"/>
      <c r="F81" s="210"/>
      <c r="G81" s="210"/>
      <c r="H81" s="210"/>
      <c r="I81" s="210"/>
      <c r="J81" s="210"/>
      <c r="K81" s="210"/>
      <c r="L81" s="194" t="s">
        <v>23</v>
      </c>
      <c r="M81" s="195"/>
      <c r="N81" s="195"/>
      <c r="O81" s="195"/>
      <c r="P81" s="195"/>
      <c r="Q81" s="195"/>
      <c r="R81" s="195"/>
      <c r="S81" s="195"/>
      <c r="T81" s="195"/>
      <c r="U81" s="195"/>
      <c r="V81" s="195"/>
      <c r="W81" s="195"/>
      <c r="X81" s="195"/>
      <c r="Y81" s="195"/>
      <c r="Z81" s="195"/>
      <c r="AA81" s="195"/>
      <c r="AB81" s="195"/>
      <c r="AC81" s="195"/>
      <c r="AD81" s="195"/>
      <c r="AE81" s="195"/>
      <c r="AF81" s="195"/>
      <c r="AG81" s="195"/>
      <c r="AH81" s="195"/>
      <c r="AI81" s="195"/>
      <c r="AJ81" s="195"/>
      <c r="AK81" s="195"/>
      <c r="AL81" s="195"/>
      <c r="AM81" s="195"/>
      <c r="AN81" s="195"/>
      <c r="AO81" s="195"/>
      <c r="AP81" s="195"/>
      <c r="AQ81" s="195"/>
      <c r="AR81" s="195"/>
      <c r="AS81" s="196"/>
      <c r="AT81" s="194" t="s">
        <v>111</v>
      </c>
      <c r="AU81" s="195"/>
      <c r="AV81" s="195"/>
      <c r="AW81" s="195"/>
      <c r="AX81" s="195"/>
      <c r="AY81" s="195"/>
      <c r="AZ81" s="195"/>
      <c r="BA81" s="196"/>
      <c r="BB81" s="194" t="s">
        <v>112</v>
      </c>
      <c r="BC81" s="195"/>
      <c r="BD81" s="195"/>
      <c r="BE81" s="195"/>
      <c r="BF81" s="195"/>
      <c r="BG81" s="195"/>
      <c r="BH81" s="195"/>
      <c r="BI81" s="195"/>
      <c r="BJ81" s="195"/>
      <c r="BK81" s="195"/>
      <c r="BL81" s="195"/>
      <c r="BM81" s="195"/>
      <c r="BN81" s="195"/>
      <c r="BO81" s="195"/>
      <c r="BP81" s="195"/>
      <c r="BQ81" s="195"/>
      <c r="BR81" s="195"/>
      <c r="BS81" s="195"/>
      <c r="BT81" s="195"/>
      <c r="BU81" s="195"/>
      <c r="BV81" s="195"/>
      <c r="BW81" s="195"/>
      <c r="BX81" s="195"/>
      <c r="BY81" s="195"/>
      <c r="BZ81" s="195"/>
      <c r="CA81" s="195"/>
      <c r="CB81" s="195"/>
      <c r="CC81" s="195"/>
      <c r="CD81" s="195"/>
      <c r="CE81" s="195"/>
      <c r="CF81" s="195"/>
      <c r="CG81" s="195"/>
      <c r="CH81" s="195"/>
      <c r="CI81" s="195"/>
      <c r="CJ81" s="196"/>
      <c r="CK81" s="194" t="s">
        <v>111</v>
      </c>
      <c r="CL81" s="195"/>
      <c r="CM81" s="195"/>
      <c r="CN81" s="195"/>
      <c r="CO81" s="195"/>
      <c r="CP81" s="195"/>
      <c r="CQ81" s="200"/>
      <c r="DE81" s="14"/>
      <c r="DF81" s="14"/>
      <c r="DG81" s="14"/>
      <c r="DH81" s="219"/>
      <c r="DI81" s="219"/>
      <c r="DJ81" s="219"/>
      <c r="DK81" s="219"/>
      <c r="DL81" s="219"/>
      <c r="DM81" s="219"/>
      <c r="DN81" s="219"/>
      <c r="DO81" s="219"/>
      <c r="DP81" s="219"/>
      <c r="DQ81" s="219"/>
      <c r="DR81" s="219"/>
      <c r="DS81" s="219"/>
      <c r="DT81" s="219"/>
      <c r="DU81" s="219"/>
      <c r="DV81" s="219"/>
      <c r="DW81" s="219"/>
      <c r="DX81" s="219"/>
      <c r="DY81" s="219"/>
      <c r="DZ81" s="219"/>
      <c r="EA81" s="219"/>
      <c r="EB81" s="219"/>
      <c r="EC81" s="219"/>
      <c r="ED81" s="219"/>
      <c r="EE81" s="219"/>
      <c r="EF81" s="219"/>
      <c r="EG81" s="219"/>
      <c r="EH81" s="219"/>
      <c r="EI81" s="219"/>
      <c r="EJ81" s="219"/>
      <c r="EK81" s="219"/>
      <c r="EL81" s="219"/>
      <c r="EM81" s="219"/>
      <c r="EN81" s="219"/>
      <c r="EO81" s="219"/>
      <c r="EP81" s="219"/>
      <c r="EQ81" s="219"/>
    </row>
    <row r="82" spans="1:147" s="8" customFormat="1" ht="8.15" customHeight="1" x14ac:dyDescent="0.55000000000000004">
      <c r="A82" s="211"/>
      <c r="B82" s="212"/>
      <c r="C82" s="212"/>
      <c r="D82" s="212"/>
      <c r="E82" s="212"/>
      <c r="F82" s="212"/>
      <c r="G82" s="212"/>
      <c r="H82" s="212"/>
      <c r="I82" s="212"/>
      <c r="J82" s="212"/>
      <c r="K82" s="212"/>
      <c r="L82" s="197"/>
      <c r="M82" s="198"/>
      <c r="N82" s="198"/>
      <c r="O82" s="198"/>
      <c r="P82" s="198"/>
      <c r="Q82" s="198"/>
      <c r="R82" s="198"/>
      <c r="S82" s="198"/>
      <c r="T82" s="198"/>
      <c r="U82" s="198"/>
      <c r="V82" s="198"/>
      <c r="W82" s="198"/>
      <c r="X82" s="198"/>
      <c r="Y82" s="198"/>
      <c r="Z82" s="198"/>
      <c r="AA82" s="198"/>
      <c r="AB82" s="198"/>
      <c r="AC82" s="198"/>
      <c r="AD82" s="198"/>
      <c r="AE82" s="198"/>
      <c r="AF82" s="198"/>
      <c r="AG82" s="198"/>
      <c r="AH82" s="198"/>
      <c r="AI82" s="198"/>
      <c r="AJ82" s="198"/>
      <c r="AK82" s="198"/>
      <c r="AL82" s="198"/>
      <c r="AM82" s="198"/>
      <c r="AN82" s="198"/>
      <c r="AO82" s="198"/>
      <c r="AP82" s="198"/>
      <c r="AQ82" s="198"/>
      <c r="AR82" s="198"/>
      <c r="AS82" s="199"/>
      <c r="AT82" s="197"/>
      <c r="AU82" s="198"/>
      <c r="AV82" s="198"/>
      <c r="AW82" s="198"/>
      <c r="AX82" s="198"/>
      <c r="AY82" s="198"/>
      <c r="AZ82" s="198"/>
      <c r="BA82" s="199"/>
      <c r="BB82" s="197"/>
      <c r="BC82" s="198"/>
      <c r="BD82" s="198"/>
      <c r="BE82" s="198"/>
      <c r="BF82" s="198"/>
      <c r="BG82" s="198"/>
      <c r="BH82" s="198"/>
      <c r="BI82" s="198"/>
      <c r="BJ82" s="198"/>
      <c r="BK82" s="198"/>
      <c r="BL82" s="198"/>
      <c r="BM82" s="198"/>
      <c r="BN82" s="198"/>
      <c r="BO82" s="198"/>
      <c r="BP82" s="198"/>
      <c r="BQ82" s="198"/>
      <c r="BR82" s="198"/>
      <c r="BS82" s="198"/>
      <c r="BT82" s="198"/>
      <c r="BU82" s="198"/>
      <c r="BV82" s="198"/>
      <c r="BW82" s="198"/>
      <c r="BX82" s="198"/>
      <c r="BY82" s="198"/>
      <c r="BZ82" s="198"/>
      <c r="CA82" s="198"/>
      <c r="CB82" s="198"/>
      <c r="CC82" s="198"/>
      <c r="CD82" s="198"/>
      <c r="CE82" s="198"/>
      <c r="CF82" s="198"/>
      <c r="CG82" s="198"/>
      <c r="CH82" s="198"/>
      <c r="CI82" s="198"/>
      <c r="CJ82" s="199"/>
      <c r="CK82" s="197"/>
      <c r="CL82" s="198"/>
      <c r="CM82" s="198"/>
      <c r="CN82" s="198"/>
      <c r="CO82" s="198"/>
      <c r="CP82" s="198"/>
      <c r="CQ82" s="201"/>
      <c r="DE82" s="14"/>
      <c r="DF82" s="14"/>
      <c r="DG82" s="14"/>
      <c r="DH82" s="14"/>
      <c r="DI82" s="14"/>
      <c r="DJ82" s="14"/>
      <c r="DK82" s="14"/>
      <c r="DL82" s="14"/>
      <c r="DM82" s="14"/>
      <c r="DN82" s="14"/>
    </row>
    <row r="83" spans="1:147" s="8" customFormat="1" ht="6.75" customHeight="1" x14ac:dyDescent="0.55000000000000004">
      <c r="A83" s="211"/>
      <c r="B83" s="212"/>
      <c r="C83" s="212"/>
      <c r="D83" s="212"/>
      <c r="E83" s="212"/>
      <c r="F83" s="212"/>
      <c r="G83" s="212"/>
      <c r="H83" s="212"/>
      <c r="I83" s="212"/>
      <c r="J83" s="212"/>
      <c r="K83" s="212"/>
      <c r="L83" s="213" t="s">
        <v>24</v>
      </c>
      <c r="M83" s="214"/>
      <c r="N83" s="214"/>
      <c r="O83" s="214"/>
      <c r="P83" s="214"/>
      <c r="Q83" s="214"/>
      <c r="R83" s="214"/>
      <c r="S83" s="214"/>
      <c r="T83" s="192" t="s">
        <v>110</v>
      </c>
      <c r="U83" s="192"/>
      <c r="V83" s="192"/>
      <c r="W83" s="192"/>
      <c r="X83" s="192"/>
      <c r="Y83" s="192"/>
      <c r="Z83" s="192"/>
      <c r="AA83" s="192"/>
      <c r="AB83" s="192"/>
      <c r="AC83" s="192"/>
      <c r="AD83" s="192"/>
      <c r="AE83" s="192"/>
      <c r="AF83" s="192"/>
      <c r="AG83" s="192"/>
      <c r="AH83" s="192"/>
      <c r="AI83" s="192"/>
      <c r="AJ83" s="192"/>
      <c r="AK83" s="192"/>
      <c r="AL83" s="192"/>
      <c r="AM83" s="192"/>
      <c r="AN83" s="192"/>
      <c r="AO83" s="192"/>
      <c r="AP83" s="192"/>
      <c r="AQ83" s="192"/>
      <c r="AR83" s="192"/>
      <c r="AS83" s="192"/>
      <c r="AT83" s="192"/>
      <c r="AU83" s="192"/>
      <c r="AV83" s="192"/>
      <c r="AW83" s="192"/>
      <c r="AX83" s="192"/>
      <c r="AY83" s="192"/>
      <c r="AZ83" s="192"/>
      <c r="BA83" s="193"/>
      <c r="BB83" s="213" t="s">
        <v>25</v>
      </c>
      <c r="BC83" s="214"/>
      <c r="BD83" s="214"/>
      <c r="BE83" s="214"/>
      <c r="BF83" s="214"/>
      <c r="BG83" s="214"/>
      <c r="BH83" s="214"/>
      <c r="BI83" s="214"/>
      <c r="BJ83" s="192"/>
      <c r="BK83" s="192"/>
      <c r="BL83" s="192"/>
      <c r="BM83" s="192"/>
      <c r="BN83" s="192"/>
      <c r="BO83" s="192"/>
      <c r="BP83" s="192"/>
      <c r="BQ83" s="192"/>
      <c r="BR83" s="192"/>
      <c r="BS83" s="192"/>
      <c r="BT83" s="192"/>
      <c r="BU83" s="192"/>
      <c r="BV83" s="192"/>
      <c r="BW83" s="192"/>
      <c r="BX83" s="192"/>
      <c r="BY83" s="192"/>
      <c r="BZ83" s="192"/>
      <c r="CA83" s="192"/>
      <c r="CB83" s="192"/>
      <c r="CC83" s="192"/>
      <c r="CD83" s="192"/>
      <c r="CE83" s="192"/>
      <c r="CF83" s="192"/>
      <c r="CG83" s="192"/>
      <c r="CH83" s="192"/>
      <c r="CI83" s="192"/>
      <c r="CJ83" s="192"/>
      <c r="CK83" s="192"/>
      <c r="CL83" s="192"/>
      <c r="CM83" s="192"/>
      <c r="CN83" s="192"/>
      <c r="CO83" s="192"/>
      <c r="CP83" s="192"/>
      <c r="CQ83" s="218"/>
      <c r="DE83" s="14"/>
      <c r="DF83" s="14"/>
      <c r="DG83" s="14"/>
      <c r="DH83" s="14"/>
      <c r="DI83" s="14"/>
      <c r="DJ83" s="14"/>
      <c r="DK83" s="14"/>
      <c r="DL83" s="14"/>
      <c r="DM83" s="14"/>
      <c r="DN83" s="14"/>
    </row>
    <row r="84" spans="1:147" s="8" customFormat="1" ht="6.75" customHeight="1" x14ac:dyDescent="0.55000000000000004">
      <c r="A84" s="211"/>
      <c r="B84" s="212"/>
      <c r="C84" s="212"/>
      <c r="D84" s="212"/>
      <c r="E84" s="212"/>
      <c r="F84" s="212"/>
      <c r="G84" s="212"/>
      <c r="H84" s="212"/>
      <c r="I84" s="212"/>
      <c r="J84" s="212"/>
      <c r="K84" s="212"/>
      <c r="L84" s="215"/>
      <c r="M84" s="216"/>
      <c r="N84" s="216"/>
      <c r="O84" s="216"/>
      <c r="P84" s="216"/>
      <c r="Q84" s="216"/>
      <c r="R84" s="216"/>
      <c r="S84" s="216"/>
      <c r="T84" s="184"/>
      <c r="U84" s="184"/>
      <c r="V84" s="184"/>
      <c r="W84" s="184"/>
      <c r="X84" s="184"/>
      <c r="Y84" s="184"/>
      <c r="Z84" s="184"/>
      <c r="AA84" s="184"/>
      <c r="AB84" s="184"/>
      <c r="AC84" s="184"/>
      <c r="AD84" s="184"/>
      <c r="AE84" s="184"/>
      <c r="AF84" s="184"/>
      <c r="AG84" s="184"/>
      <c r="AH84" s="184"/>
      <c r="AI84" s="184"/>
      <c r="AJ84" s="184"/>
      <c r="AK84" s="184"/>
      <c r="AL84" s="184"/>
      <c r="AM84" s="184"/>
      <c r="AN84" s="184"/>
      <c r="AO84" s="184"/>
      <c r="AP84" s="184"/>
      <c r="AQ84" s="184"/>
      <c r="AR84" s="184"/>
      <c r="AS84" s="184"/>
      <c r="AT84" s="184"/>
      <c r="AU84" s="184"/>
      <c r="AV84" s="184"/>
      <c r="AW84" s="184"/>
      <c r="AX84" s="184"/>
      <c r="AY84" s="184"/>
      <c r="AZ84" s="184"/>
      <c r="BA84" s="188"/>
      <c r="BB84" s="215"/>
      <c r="BC84" s="216"/>
      <c r="BD84" s="216"/>
      <c r="BE84" s="216"/>
      <c r="BF84" s="216"/>
      <c r="BG84" s="216"/>
      <c r="BH84" s="216"/>
      <c r="BI84" s="216"/>
      <c r="BJ84" s="184"/>
      <c r="BK84" s="184"/>
      <c r="BL84" s="184"/>
      <c r="BM84" s="184"/>
      <c r="BN84" s="184"/>
      <c r="BO84" s="184"/>
      <c r="BP84" s="184"/>
      <c r="BQ84" s="184"/>
      <c r="BR84" s="184"/>
      <c r="BS84" s="184"/>
      <c r="BT84" s="184"/>
      <c r="BU84" s="184"/>
      <c r="BV84" s="184"/>
      <c r="BW84" s="184"/>
      <c r="BX84" s="184"/>
      <c r="BY84" s="184"/>
      <c r="BZ84" s="184"/>
      <c r="CA84" s="184"/>
      <c r="CB84" s="184"/>
      <c r="CC84" s="184"/>
      <c r="CD84" s="184"/>
      <c r="CE84" s="184"/>
      <c r="CF84" s="184"/>
      <c r="CG84" s="184"/>
      <c r="CH84" s="184"/>
      <c r="CI84" s="184"/>
      <c r="CJ84" s="184"/>
      <c r="CK84" s="184"/>
      <c r="CL84" s="184"/>
      <c r="CM84" s="184"/>
      <c r="CN84" s="184"/>
      <c r="CO84" s="184"/>
      <c r="CP84" s="184"/>
      <c r="CQ84" s="185"/>
    </row>
    <row r="85" spans="1:147" s="8" customFormat="1" ht="6.75" customHeight="1" x14ac:dyDescent="0.55000000000000004">
      <c r="A85" s="211"/>
      <c r="B85" s="212"/>
      <c r="C85" s="212"/>
      <c r="D85" s="212"/>
      <c r="E85" s="212"/>
      <c r="F85" s="212"/>
      <c r="G85" s="212"/>
      <c r="H85" s="212"/>
      <c r="I85" s="212"/>
      <c r="J85" s="212"/>
      <c r="K85" s="212"/>
      <c r="L85" s="215"/>
      <c r="M85" s="216"/>
      <c r="N85" s="216"/>
      <c r="O85" s="216"/>
      <c r="P85" s="216"/>
      <c r="Q85" s="216"/>
      <c r="R85" s="216"/>
      <c r="S85" s="216"/>
      <c r="T85" s="184"/>
      <c r="U85" s="184"/>
      <c r="V85" s="184"/>
      <c r="W85" s="184"/>
      <c r="X85" s="184"/>
      <c r="Y85" s="184"/>
      <c r="Z85" s="184"/>
      <c r="AA85" s="184"/>
      <c r="AB85" s="184"/>
      <c r="AC85" s="184"/>
      <c r="AD85" s="184"/>
      <c r="AE85" s="184"/>
      <c r="AF85" s="184"/>
      <c r="AG85" s="184"/>
      <c r="AH85" s="184"/>
      <c r="AI85" s="184"/>
      <c r="AJ85" s="184"/>
      <c r="AK85" s="184"/>
      <c r="AL85" s="184"/>
      <c r="AM85" s="184"/>
      <c r="AN85" s="184"/>
      <c r="AO85" s="184"/>
      <c r="AP85" s="184"/>
      <c r="AQ85" s="184"/>
      <c r="AR85" s="184"/>
      <c r="AS85" s="184"/>
      <c r="AT85" s="184"/>
      <c r="AU85" s="184"/>
      <c r="AV85" s="184"/>
      <c r="AW85" s="184"/>
      <c r="AX85" s="184"/>
      <c r="AY85" s="184"/>
      <c r="AZ85" s="184"/>
      <c r="BA85" s="188"/>
      <c r="BB85" s="215"/>
      <c r="BC85" s="216"/>
      <c r="BD85" s="216"/>
      <c r="BE85" s="216"/>
      <c r="BF85" s="216"/>
      <c r="BG85" s="216"/>
      <c r="BH85" s="216"/>
      <c r="BI85" s="216"/>
      <c r="BJ85" s="184"/>
      <c r="BK85" s="184"/>
      <c r="BL85" s="184"/>
      <c r="BM85" s="184"/>
      <c r="BN85" s="184"/>
      <c r="BO85" s="184"/>
      <c r="BP85" s="184"/>
      <c r="BQ85" s="184"/>
      <c r="BR85" s="184"/>
      <c r="BS85" s="184"/>
      <c r="BT85" s="184"/>
      <c r="BU85" s="184"/>
      <c r="BV85" s="184"/>
      <c r="BW85" s="184"/>
      <c r="BX85" s="184"/>
      <c r="BY85" s="184"/>
      <c r="BZ85" s="184"/>
      <c r="CA85" s="184"/>
      <c r="CB85" s="184"/>
      <c r="CC85" s="184"/>
      <c r="CD85" s="184"/>
      <c r="CE85" s="184"/>
      <c r="CF85" s="184"/>
      <c r="CG85" s="184"/>
      <c r="CH85" s="184"/>
      <c r="CI85" s="184"/>
      <c r="CJ85" s="184"/>
      <c r="CK85" s="184"/>
      <c r="CL85" s="184"/>
      <c r="CM85" s="184"/>
      <c r="CN85" s="184"/>
      <c r="CO85" s="184"/>
      <c r="CP85" s="184"/>
      <c r="CQ85" s="185"/>
    </row>
    <row r="86" spans="1:147" s="8" customFormat="1" ht="6.75" customHeight="1" x14ac:dyDescent="0.55000000000000004">
      <c r="A86" s="211"/>
      <c r="B86" s="212"/>
      <c r="C86" s="212"/>
      <c r="D86" s="212"/>
      <c r="E86" s="212"/>
      <c r="F86" s="212"/>
      <c r="G86" s="212"/>
      <c r="H86" s="212"/>
      <c r="I86" s="212"/>
      <c r="J86" s="212"/>
      <c r="K86" s="212"/>
      <c r="L86" s="215"/>
      <c r="M86" s="216"/>
      <c r="N86" s="216"/>
      <c r="O86" s="216"/>
      <c r="P86" s="216"/>
      <c r="Q86" s="216"/>
      <c r="R86" s="216"/>
      <c r="S86" s="216"/>
      <c r="T86" s="184"/>
      <c r="U86" s="184"/>
      <c r="V86" s="184"/>
      <c r="W86" s="184"/>
      <c r="X86" s="184"/>
      <c r="Y86" s="184"/>
      <c r="Z86" s="184"/>
      <c r="AA86" s="184"/>
      <c r="AB86" s="184"/>
      <c r="AC86" s="184"/>
      <c r="AD86" s="184"/>
      <c r="AE86" s="184"/>
      <c r="AF86" s="184"/>
      <c r="AG86" s="184"/>
      <c r="AH86" s="184"/>
      <c r="AI86" s="184"/>
      <c r="AJ86" s="184"/>
      <c r="AK86" s="184"/>
      <c r="AL86" s="184"/>
      <c r="AM86" s="184"/>
      <c r="AN86" s="184"/>
      <c r="AO86" s="184"/>
      <c r="AP86" s="184"/>
      <c r="AQ86" s="184"/>
      <c r="AR86" s="184"/>
      <c r="AS86" s="184"/>
      <c r="AT86" s="184"/>
      <c r="AU86" s="184"/>
      <c r="AV86" s="184"/>
      <c r="AW86" s="184"/>
      <c r="AX86" s="184"/>
      <c r="AY86" s="184"/>
      <c r="AZ86" s="184"/>
      <c r="BA86" s="188"/>
      <c r="BB86" s="215"/>
      <c r="BC86" s="216"/>
      <c r="BD86" s="216"/>
      <c r="BE86" s="216"/>
      <c r="BF86" s="216"/>
      <c r="BG86" s="216"/>
      <c r="BH86" s="216"/>
      <c r="BI86" s="216"/>
      <c r="BJ86" s="184"/>
      <c r="BK86" s="184"/>
      <c r="BL86" s="184"/>
      <c r="BM86" s="184"/>
      <c r="BN86" s="184"/>
      <c r="BO86" s="184"/>
      <c r="BP86" s="184"/>
      <c r="BQ86" s="184"/>
      <c r="BR86" s="184"/>
      <c r="BS86" s="184"/>
      <c r="BT86" s="184"/>
      <c r="BU86" s="184"/>
      <c r="BV86" s="184"/>
      <c r="BW86" s="184"/>
      <c r="BX86" s="184"/>
      <c r="BY86" s="184"/>
      <c r="BZ86" s="184"/>
      <c r="CA86" s="184"/>
      <c r="CB86" s="184"/>
      <c r="CC86" s="184"/>
      <c r="CD86" s="184"/>
      <c r="CE86" s="184"/>
      <c r="CF86" s="184"/>
      <c r="CG86" s="184"/>
      <c r="CH86" s="184"/>
      <c r="CI86" s="184"/>
      <c r="CJ86" s="184"/>
      <c r="CK86" s="184"/>
      <c r="CL86" s="184"/>
      <c r="CM86" s="184"/>
      <c r="CN86" s="184"/>
      <c r="CO86" s="184"/>
      <c r="CP86" s="184"/>
      <c r="CQ86" s="185"/>
      <c r="CR86" s="14"/>
      <c r="CS86" s="14"/>
    </row>
    <row r="87" spans="1:147" s="8" customFormat="1" ht="6.75" customHeight="1" x14ac:dyDescent="0.55000000000000004">
      <c r="A87" s="211"/>
      <c r="B87" s="212"/>
      <c r="C87" s="212"/>
      <c r="D87" s="212"/>
      <c r="E87" s="212"/>
      <c r="F87" s="212"/>
      <c r="G87" s="212"/>
      <c r="H87" s="212"/>
      <c r="I87" s="212"/>
      <c r="J87" s="212"/>
      <c r="K87" s="212"/>
      <c r="L87" s="215"/>
      <c r="M87" s="216"/>
      <c r="N87" s="216"/>
      <c r="O87" s="216"/>
      <c r="P87" s="216"/>
      <c r="Q87" s="216"/>
      <c r="R87" s="216"/>
      <c r="S87" s="216"/>
      <c r="T87" s="184"/>
      <c r="U87" s="184"/>
      <c r="V87" s="184"/>
      <c r="W87" s="184"/>
      <c r="X87" s="184"/>
      <c r="Y87" s="184"/>
      <c r="Z87" s="184"/>
      <c r="AA87" s="184"/>
      <c r="AB87" s="184"/>
      <c r="AC87" s="184"/>
      <c r="AD87" s="184"/>
      <c r="AE87" s="184"/>
      <c r="AF87" s="184"/>
      <c r="AG87" s="184"/>
      <c r="AH87" s="184"/>
      <c r="AI87" s="184"/>
      <c r="AJ87" s="184"/>
      <c r="AK87" s="184"/>
      <c r="AL87" s="184"/>
      <c r="AM87" s="184"/>
      <c r="AN87" s="184"/>
      <c r="AO87" s="184"/>
      <c r="AP87" s="184"/>
      <c r="AQ87" s="184"/>
      <c r="AR87" s="184"/>
      <c r="AS87" s="184"/>
      <c r="AT87" s="184"/>
      <c r="AU87" s="184"/>
      <c r="AV87" s="184"/>
      <c r="AW87" s="184"/>
      <c r="AX87" s="184"/>
      <c r="AY87" s="184"/>
      <c r="AZ87" s="184"/>
      <c r="BA87" s="188"/>
      <c r="BB87" s="215"/>
      <c r="BC87" s="216"/>
      <c r="BD87" s="216"/>
      <c r="BE87" s="216"/>
      <c r="BF87" s="216"/>
      <c r="BG87" s="216"/>
      <c r="BH87" s="216"/>
      <c r="BI87" s="216"/>
      <c r="BJ87" s="184"/>
      <c r="BK87" s="184"/>
      <c r="BL87" s="184"/>
      <c r="BM87" s="184"/>
      <c r="BN87" s="184"/>
      <c r="BO87" s="184"/>
      <c r="BP87" s="184"/>
      <c r="BQ87" s="184"/>
      <c r="BR87" s="184"/>
      <c r="BS87" s="184"/>
      <c r="BT87" s="184"/>
      <c r="BU87" s="184"/>
      <c r="BV87" s="184"/>
      <c r="BW87" s="184"/>
      <c r="BX87" s="184"/>
      <c r="BY87" s="184"/>
      <c r="BZ87" s="184"/>
      <c r="CA87" s="184"/>
      <c r="CB87" s="184"/>
      <c r="CC87" s="184"/>
      <c r="CD87" s="184"/>
      <c r="CE87" s="184"/>
      <c r="CF87" s="184"/>
      <c r="CG87" s="184"/>
      <c r="CH87" s="184"/>
      <c r="CI87" s="184"/>
      <c r="CJ87" s="184"/>
      <c r="CK87" s="184"/>
      <c r="CL87" s="184"/>
      <c r="CM87" s="184"/>
      <c r="CN87" s="184"/>
      <c r="CO87" s="184"/>
      <c r="CP87" s="184"/>
      <c r="CQ87" s="185"/>
    </row>
    <row r="88" spans="1:147" s="8" customFormat="1" ht="6.75" customHeight="1" x14ac:dyDescent="0.55000000000000004">
      <c r="A88" s="211"/>
      <c r="B88" s="212"/>
      <c r="C88" s="212"/>
      <c r="D88" s="212"/>
      <c r="E88" s="212"/>
      <c r="F88" s="212"/>
      <c r="G88" s="212"/>
      <c r="H88" s="212"/>
      <c r="I88" s="212"/>
      <c r="J88" s="212"/>
      <c r="K88" s="212"/>
      <c r="L88" s="215"/>
      <c r="M88" s="216"/>
      <c r="N88" s="216"/>
      <c r="O88" s="216"/>
      <c r="P88" s="216"/>
      <c r="Q88" s="216"/>
      <c r="R88" s="216"/>
      <c r="S88" s="216"/>
      <c r="T88" s="184"/>
      <c r="U88" s="184"/>
      <c r="V88" s="184"/>
      <c r="W88" s="184"/>
      <c r="X88" s="184"/>
      <c r="Y88" s="184"/>
      <c r="Z88" s="184"/>
      <c r="AA88" s="184"/>
      <c r="AB88" s="184"/>
      <c r="AC88" s="184"/>
      <c r="AD88" s="184"/>
      <c r="AE88" s="184"/>
      <c r="AF88" s="184"/>
      <c r="AG88" s="184"/>
      <c r="AH88" s="184"/>
      <c r="AI88" s="184"/>
      <c r="AJ88" s="184"/>
      <c r="AK88" s="184"/>
      <c r="AL88" s="184"/>
      <c r="AM88" s="184"/>
      <c r="AN88" s="184"/>
      <c r="AO88" s="184"/>
      <c r="AP88" s="184"/>
      <c r="AQ88" s="184"/>
      <c r="AR88" s="184"/>
      <c r="AS88" s="184"/>
      <c r="AT88" s="184"/>
      <c r="AU88" s="184"/>
      <c r="AV88" s="184"/>
      <c r="AW88" s="184"/>
      <c r="AX88" s="184"/>
      <c r="AY88" s="184"/>
      <c r="AZ88" s="184"/>
      <c r="BA88" s="188"/>
      <c r="BB88" s="215"/>
      <c r="BC88" s="216"/>
      <c r="BD88" s="216"/>
      <c r="BE88" s="216"/>
      <c r="BF88" s="216"/>
      <c r="BG88" s="216"/>
      <c r="BH88" s="216"/>
      <c r="BI88" s="216"/>
      <c r="BJ88" s="184"/>
      <c r="BK88" s="184"/>
      <c r="BL88" s="184"/>
      <c r="BM88" s="184"/>
      <c r="BN88" s="184"/>
      <c r="BO88" s="184"/>
      <c r="BP88" s="184"/>
      <c r="BQ88" s="184"/>
      <c r="BR88" s="184"/>
      <c r="BS88" s="184"/>
      <c r="BT88" s="184"/>
      <c r="BU88" s="184"/>
      <c r="BV88" s="184"/>
      <c r="BW88" s="184"/>
      <c r="BX88" s="184"/>
      <c r="BY88" s="184"/>
      <c r="BZ88" s="184"/>
      <c r="CA88" s="184"/>
      <c r="CB88" s="184"/>
      <c r="CC88" s="184"/>
      <c r="CD88" s="184"/>
      <c r="CE88" s="184"/>
      <c r="CF88" s="184"/>
      <c r="CG88" s="184"/>
      <c r="CH88" s="184"/>
      <c r="CI88" s="184"/>
      <c r="CJ88" s="184"/>
      <c r="CK88" s="184"/>
      <c r="CL88" s="184"/>
      <c r="CM88" s="184"/>
      <c r="CN88" s="184"/>
      <c r="CO88" s="184"/>
      <c r="CP88" s="184"/>
      <c r="CQ88" s="185"/>
    </row>
    <row r="89" spans="1:147" s="8" customFormat="1" ht="6.75" customHeight="1" x14ac:dyDescent="0.55000000000000004">
      <c r="A89" s="211"/>
      <c r="B89" s="212"/>
      <c r="C89" s="212"/>
      <c r="D89" s="212"/>
      <c r="E89" s="212"/>
      <c r="F89" s="212"/>
      <c r="G89" s="212"/>
      <c r="H89" s="212"/>
      <c r="I89" s="212"/>
      <c r="J89" s="212"/>
      <c r="K89" s="212"/>
      <c r="L89" s="215" t="s">
        <v>26</v>
      </c>
      <c r="M89" s="216"/>
      <c r="N89" s="216"/>
      <c r="O89" s="216"/>
      <c r="P89" s="216"/>
      <c r="Q89" s="216"/>
      <c r="R89" s="216"/>
      <c r="S89" s="216"/>
      <c r="T89" s="184" t="s">
        <v>110</v>
      </c>
      <c r="U89" s="184"/>
      <c r="V89" s="184"/>
      <c r="W89" s="184"/>
      <c r="X89" s="184"/>
      <c r="Y89" s="184"/>
      <c r="Z89" s="184"/>
      <c r="AA89" s="184"/>
      <c r="AB89" s="184"/>
      <c r="AC89" s="184"/>
      <c r="AD89" s="184"/>
      <c r="AE89" s="184"/>
      <c r="AF89" s="184"/>
      <c r="AG89" s="184"/>
      <c r="AH89" s="184"/>
      <c r="AI89" s="184"/>
      <c r="AJ89" s="184"/>
      <c r="AK89" s="184"/>
      <c r="AL89" s="184"/>
      <c r="AM89" s="184"/>
      <c r="AN89" s="184"/>
      <c r="AO89" s="184"/>
      <c r="AP89" s="184"/>
      <c r="AQ89" s="184"/>
      <c r="AR89" s="184"/>
      <c r="AS89" s="184"/>
      <c r="AT89" s="184"/>
      <c r="AU89" s="184"/>
      <c r="AV89" s="184"/>
      <c r="AW89" s="184"/>
      <c r="AX89" s="184"/>
      <c r="AY89" s="184"/>
      <c r="AZ89" s="184"/>
      <c r="BA89" s="188"/>
      <c r="BB89" s="215" t="s">
        <v>27</v>
      </c>
      <c r="BC89" s="216"/>
      <c r="BD89" s="216"/>
      <c r="BE89" s="216"/>
      <c r="BF89" s="216"/>
      <c r="BG89" s="216"/>
      <c r="BH89" s="216"/>
      <c r="BI89" s="216"/>
      <c r="BJ89" s="184"/>
      <c r="BK89" s="184"/>
      <c r="BL89" s="184"/>
      <c r="BM89" s="184"/>
      <c r="BN89" s="184"/>
      <c r="BO89" s="184"/>
      <c r="BP89" s="184"/>
      <c r="BQ89" s="184"/>
      <c r="BR89" s="184"/>
      <c r="BS89" s="184"/>
      <c r="BT89" s="184"/>
      <c r="BU89" s="184"/>
      <c r="BV89" s="184"/>
      <c r="BW89" s="184"/>
      <c r="BX89" s="184"/>
      <c r="BY89" s="184"/>
      <c r="BZ89" s="184"/>
      <c r="CA89" s="184"/>
      <c r="CB89" s="184"/>
      <c r="CC89" s="184"/>
      <c r="CD89" s="184"/>
      <c r="CE89" s="184"/>
      <c r="CF89" s="184"/>
      <c r="CG89" s="184"/>
      <c r="CH89" s="184"/>
      <c r="CI89" s="184"/>
      <c r="CJ89" s="184"/>
      <c r="CK89" s="184"/>
      <c r="CL89" s="184"/>
      <c r="CM89" s="184"/>
      <c r="CN89" s="184"/>
      <c r="CO89" s="184"/>
      <c r="CP89" s="184"/>
      <c r="CQ89" s="185"/>
      <c r="CR89" s="14"/>
      <c r="CS89" s="14"/>
    </row>
    <row r="90" spans="1:147" s="8" customFormat="1" ht="6.75" customHeight="1" x14ac:dyDescent="0.55000000000000004">
      <c r="A90" s="211"/>
      <c r="B90" s="212"/>
      <c r="C90" s="212"/>
      <c r="D90" s="212"/>
      <c r="E90" s="212"/>
      <c r="F90" s="212"/>
      <c r="G90" s="212"/>
      <c r="H90" s="212"/>
      <c r="I90" s="212"/>
      <c r="J90" s="212"/>
      <c r="K90" s="212"/>
      <c r="L90" s="215"/>
      <c r="M90" s="216"/>
      <c r="N90" s="216"/>
      <c r="O90" s="216"/>
      <c r="P90" s="216"/>
      <c r="Q90" s="216"/>
      <c r="R90" s="216"/>
      <c r="S90" s="216"/>
      <c r="T90" s="184"/>
      <c r="U90" s="184"/>
      <c r="V90" s="184"/>
      <c r="W90" s="184"/>
      <c r="X90" s="184"/>
      <c r="Y90" s="184"/>
      <c r="Z90" s="184"/>
      <c r="AA90" s="184"/>
      <c r="AB90" s="184"/>
      <c r="AC90" s="184"/>
      <c r="AD90" s="184"/>
      <c r="AE90" s="184"/>
      <c r="AF90" s="184"/>
      <c r="AG90" s="184"/>
      <c r="AH90" s="184"/>
      <c r="AI90" s="184"/>
      <c r="AJ90" s="184"/>
      <c r="AK90" s="184"/>
      <c r="AL90" s="184"/>
      <c r="AM90" s="184"/>
      <c r="AN90" s="184"/>
      <c r="AO90" s="184"/>
      <c r="AP90" s="184"/>
      <c r="AQ90" s="184"/>
      <c r="AR90" s="184"/>
      <c r="AS90" s="184"/>
      <c r="AT90" s="184"/>
      <c r="AU90" s="184"/>
      <c r="AV90" s="184"/>
      <c r="AW90" s="184"/>
      <c r="AX90" s="184"/>
      <c r="AY90" s="184"/>
      <c r="AZ90" s="184"/>
      <c r="BA90" s="188"/>
      <c r="BB90" s="215"/>
      <c r="BC90" s="216"/>
      <c r="BD90" s="216"/>
      <c r="BE90" s="216"/>
      <c r="BF90" s="216"/>
      <c r="BG90" s="216"/>
      <c r="BH90" s="216"/>
      <c r="BI90" s="216"/>
      <c r="BJ90" s="184"/>
      <c r="BK90" s="184"/>
      <c r="BL90" s="184"/>
      <c r="BM90" s="184"/>
      <c r="BN90" s="184"/>
      <c r="BO90" s="184"/>
      <c r="BP90" s="184"/>
      <c r="BQ90" s="184"/>
      <c r="BR90" s="184"/>
      <c r="BS90" s="184"/>
      <c r="BT90" s="184"/>
      <c r="BU90" s="184"/>
      <c r="BV90" s="184"/>
      <c r="BW90" s="184"/>
      <c r="BX90" s="184"/>
      <c r="BY90" s="184"/>
      <c r="BZ90" s="184"/>
      <c r="CA90" s="184"/>
      <c r="CB90" s="184"/>
      <c r="CC90" s="184"/>
      <c r="CD90" s="184"/>
      <c r="CE90" s="184"/>
      <c r="CF90" s="184"/>
      <c r="CG90" s="184"/>
      <c r="CH90" s="184"/>
      <c r="CI90" s="184"/>
      <c r="CJ90" s="184"/>
      <c r="CK90" s="184"/>
      <c r="CL90" s="184"/>
      <c r="CM90" s="184"/>
      <c r="CN90" s="184"/>
      <c r="CO90" s="184"/>
      <c r="CP90" s="184"/>
      <c r="CQ90" s="185"/>
      <c r="CR90" s="14"/>
      <c r="CS90" s="14"/>
    </row>
    <row r="91" spans="1:147" s="8" customFormat="1" ht="6.75" customHeight="1" x14ac:dyDescent="0.55000000000000004">
      <c r="A91" s="211"/>
      <c r="B91" s="212"/>
      <c r="C91" s="212"/>
      <c r="D91" s="212"/>
      <c r="E91" s="212"/>
      <c r="F91" s="212"/>
      <c r="G91" s="212"/>
      <c r="H91" s="212"/>
      <c r="I91" s="212"/>
      <c r="J91" s="212"/>
      <c r="K91" s="212"/>
      <c r="L91" s="215"/>
      <c r="M91" s="216"/>
      <c r="N91" s="216"/>
      <c r="O91" s="216"/>
      <c r="P91" s="216"/>
      <c r="Q91" s="216"/>
      <c r="R91" s="216"/>
      <c r="S91" s="216"/>
      <c r="T91" s="184"/>
      <c r="U91" s="184"/>
      <c r="V91" s="184"/>
      <c r="W91" s="184"/>
      <c r="X91" s="184"/>
      <c r="Y91" s="184"/>
      <c r="Z91" s="184"/>
      <c r="AA91" s="184"/>
      <c r="AB91" s="184"/>
      <c r="AC91" s="184"/>
      <c r="AD91" s="184"/>
      <c r="AE91" s="184"/>
      <c r="AF91" s="184"/>
      <c r="AG91" s="184"/>
      <c r="AH91" s="184"/>
      <c r="AI91" s="184"/>
      <c r="AJ91" s="184"/>
      <c r="AK91" s="184"/>
      <c r="AL91" s="184"/>
      <c r="AM91" s="184"/>
      <c r="AN91" s="184"/>
      <c r="AO91" s="184"/>
      <c r="AP91" s="184"/>
      <c r="AQ91" s="184"/>
      <c r="AR91" s="184"/>
      <c r="AS91" s="184"/>
      <c r="AT91" s="184"/>
      <c r="AU91" s="184"/>
      <c r="AV91" s="184"/>
      <c r="AW91" s="184"/>
      <c r="AX91" s="184"/>
      <c r="AY91" s="184"/>
      <c r="AZ91" s="184"/>
      <c r="BA91" s="188"/>
      <c r="BB91" s="215"/>
      <c r="BC91" s="216"/>
      <c r="BD91" s="216"/>
      <c r="BE91" s="216"/>
      <c r="BF91" s="216"/>
      <c r="BG91" s="216"/>
      <c r="BH91" s="216"/>
      <c r="BI91" s="216"/>
      <c r="BJ91" s="184"/>
      <c r="BK91" s="184"/>
      <c r="BL91" s="184"/>
      <c r="BM91" s="184"/>
      <c r="BN91" s="184"/>
      <c r="BO91" s="184"/>
      <c r="BP91" s="184"/>
      <c r="BQ91" s="184"/>
      <c r="BR91" s="184"/>
      <c r="BS91" s="184"/>
      <c r="BT91" s="184"/>
      <c r="BU91" s="184"/>
      <c r="BV91" s="184"/>
      <c r="BW91" s="184"/>
      <c r="BX91" s="184"/>
      <c r="BY91" s="184"/>
      <c r="BZ91" s="184"/>
      <c r="CA91" s="184"/>
      <c r="CB91" s="184"/>
      <c r="CC91" s="184"/>
      <c r="CD91" s="184"/>
      <c r="CE91" s="184"/>
      <c r="CF91" s="184"/>
      <c r="CG91" s="184"/>
      <c r="CH91" s="184"/>
      <c r="CI91" s="184"/>
      <c r="CJ91" s="184"/>
      <c r="CK91" s="184"/>
      <c r="CL91" s="184"/>
      <c r="CM91" s="184"/>
      <c r="CN91" s="184"/>
      <c r="CO91" s="184"/>
      <c r="CP91" s="184"/>
      <c r="CQ91" s="185"/>
      <c r="CR91" s="14"/>
      <c r="CS91" s="14"/>
    </row>
    <row r="92" spans="1:147" s="8" customFormat="1" ht="6.75" customHeight="1" x14ac:dyDescent="0.55000000000000004">
      <c r="A92" s="211"/>
      <c r="B92" s="212"/>
      <c r="C92" s="212"/>
      <c r="D92" s="212"/>
      <c r="E92" s="212"/>
      <c r="F92" s="212"/>
      <c r="G92" s="212"/>
      <c r="H92" s="212"/>
      <c r="I92" s="212"/>
      <c r="J92" s="212"/>
      <c r="K92" s="212"/>
      <c r="L92" s="215"/>
      <c r="M92" s="216"/>
      <c r="N92" s="216"/>
      <c r="O92" s="216"/>
      <c r="P92" s="216"/>
      <c r="Q92" s="216"/>
      <c r="R92" s="216"/>
      <c r="S92" s="216"/>
      <c r="T92" s="184"/>
      <c r="U92" s="184"/>
      <c r="V92" s="184"/>
      <c r="W92" s="184"/>
      <c r="X92" s="184"/>
      <c r="Y92" s="184"/>
      <c r="Z92" s="184"/>
      <c r="AA92" s="184"/>
      <c r="AB92" s="184"/>
      <c r="AC92" s="184"/>
      <c r="AD92" s="184"/>
      <c r="AE92" s="184"/>
      <c r="AF92" s="184"/>
      <c r="AG92" s="184"/>
      <c r="AH92" s="184"/>
      <c r="AI92" s="184"/>
      <c r="AJ92" s="184"/>
      <c r="AK92" s="184"/>
      <c r="AL92" s="184"/>
      <c r="AM92" s="184"/>
      <c r="AN92" s="184"/>
      <c r="AO92" s="184"/>
      <c r="AP92" s="184"/>
      <c r="AQ92" s="184"/>
      <c r="AR92" s="184"/>
      <c r="AS92" s="184"/>
      <c r="AT92" s="184"/>
      <c r="AU92" s="184"/>
      <c r="AV92" s="184"/>
      <c r="AW92" s="184"/>
      <c r="AX92" s="184"/>
      <c r="AY92" s="184"/>
      <c r="AZ92" s="184"/>
      <c r="BA92" s="188"/>
      <c r="BB92" s="215"/>
      <c r="BC92" s="216"/>
      <c r="BD92" s="216"/>
      <c r="BE92" s="216"/>
      <c r="BF92" s="216"/>
      <c r="BG92" s="216"/>
      <c r="BH92" s="216"/>
      <c r="BI92" s="216"/>
      <c r="BJ92" s="184"/>
      <c r="BK92" s="184"/>
      <c r="BL92" s="184"/>
      <c r="BM92" s="184"/>
      <c r="BN92" s="184"/>
      <c r="BO92" s="184"/>
      <c r="BP92" s="184"/>
      <c r="BQ92" s="184"/>
      <c r="BR92" s="184"/>
      <c r="BS92" s="184"/>
      <c r="BT92" s="184"/>
      <c r="BU92" s="184"/>
      <c r="BV92" s="184"/>
      <c r="BW92" s="184"/>
      <c r="BX92" s="184"/>
      <c r="BY92" s="184"/>
      <c r="BZ92" s="184"/>
      <c r="CA92" s="184"/>
      <c r="CB92" s="184"/>
      <c r="CC92" s="184"/>
      <c r="CD92" s="184"/>
      <c r="CE92" s="184"/>
      <c r="CF92" s="184"/>
      <c r="CG92" s="184"/>
      <c r="CH92" s="184"/>
      <c r="CI92" s="184"/>
      <c r="CJ92" s="184"/>
      <c r="CK92" s="184"/>
      <c r="CL92" s="184"/>
      <c r="CM92" s="184"/>
      <c r="CN92" s="184"/>
      <c r="CO92" s="184"/>
      <c r="CP92" s="184"/>
      <c r="CQ92" s="185"/>
      <c r="CR92" s="14"/>
      <c r="CS92" s="14"/>
    </row>
    <row r="93" spans="1:147" s="8" customFormat="1" ht="6.75" customHeight="1" x14ac:dyDescent="0.55000000000000004">
      <c r="A93" s="211"/>
      <c r="B93" s="212"/>
      <c r="C93" s="212"/>
      <c r="D93" s="212"/>
      <c r="E93" s="212"/>
      <c r="F93" s="212"/>
      <c r="G93" s="212"/>
      <c r="H93" s="212"/>
      <c r="I93" s="212"/>
      <c r="J93" s="212"/>
      <c r="K93" s="212"/>
      <c r="L93" s="215"/>
      <c r="M93" s="216"/>
      <c r="N93" s="216"/>
      <c r="O93" s="216"/>
      <c r="P93" s="216"/>
      <c r="Q93" s="216"/>
      <c r="R93" s="216"/>
      <c r="S93" s="216"/>
      <c r="T93" s="184"/>
      <c r="U93" s="184"/>
      <c r="V93" s="184"/>
      <c r="W93" s="184"/>
      <c r="X93" s="184"/>
      <c r="Y93" s="184"/>
      <c r="Z93" s="184"/>
      <c r="AA93" s="184"/>
      <c r="AB93" s="184"/>
      <c r="AC93" s="184"/>
      <c r="AD93" s="184"/>
      <c r="AE93" s="184"/>
      <c r="AF93" s="184"/>
      <c r="AG93" s="184"/>
      <c r="AH93" s="184"/>
      <c r="AI93" s="184"/>
      <c r="AJ93" s="184"/>
      <c r="AK93" s="184"/>
      <c r="AL93" s="184"/>
      <c r="AM93" s="184"/>
      <c r="AN93" s="184"/>
      <c r="AO93" s="184"/>
      <c r="AP93" s="184"/>
      <c r="AQ93" s="184"/>
      <c r="AR93" s="184"/>
      <c r="AS93" s="184"/>
      <c r="AT93" s="184"/>
      <c r="AU93" s="184"/>
      <c r="AV93" s="184"/>
      <c r="AW93" s="184"/>
      <c r="AX93" s="184"/>
      <c r="AY93" s="184"/>
      <c r="AZ93" s="184"/>
      <c r="BA93" s="188"/>
      <c r="BB93" s="215"/>
      <c r="BC93" s="216"/>
      <c r="BD93" s="216"/>
      <c r="BE93" s="216"/>
      <c r="BF93" s="216"/>
      <c r="BG93" s="216"/>
      <c r="BH93" s="216"/>
      <c r="BI93" s="216"/>
      <c r="BJ93" s="184"/>
      <c r="BK93" s="184"/>
      <c r="BL93" s="184"/>
      <c r="BM93" s="184"/>
      <c r="BN93" s="184"/>
      <c r="BO93" s="184"/>
      <c r="BP93" s="184"/>
      <c r="BQ93" s="184"/>
      <c r="BR93" s="184"/>
      <c r="BS93" s="184"/>
      <c r="BT93" s="184"/>
      <c r="BU93" s="184"/>
      <c r="BV93" s="184"/>
      <c r="BW93" s="184"/>
      <c r="BX93" s="184"/>
      <c r="BY93" s="184"/>
      <c r="BZ93" s="184"/>
      <c r="CA93" s="184"/>
      <c r="CB93" s="184"/>
      <c r="CC93" s="184"/>
      <c r="CD93" s="184"/>
      <c r="CE93" s="184"/>
      <c r="CF93" s="184"/>
      <c r="CG93" s="184"/>
      <c r="CH93" s="184"/>
      <c r="CI93" s="184"/>
      <c r="CJ93" s="184"/>
      <c r="CK93" s="184"/>
      <c r="CL93" s="184"/>
      <c r="CM93" s="184"/>
      <c r="CN93" s="184"/>
      <c r="CO93" s="184"/>
      <c r="CP93" s="184"/>
      <c r="CQ93" s="185"/>
      <c r="CR93" s="29"/>
    </row>
    <row r="94" spans="1:147" s="8" customFormat="1" ht="6.75" customHeight="1" x14ac:dyDescent="0.55000000000000004">
      <c r="A94" s="211"/>
      <c r="B94" s="212"/>
      <c r="C94" s="212"/>
      <c r="D94" s="212"/>
      <c r="E94" s="212"/>
      <c r="F94" s="212"/>
      <c r="G94" s="212"/>
      <c r="H94" s="212"/>
      <c r="I94" s="212"/>
      <c r="J94" s="212"/>
      <c r="K94" s="212"/>
      <c r="L94" s="215"/>
      <c r="M94" s="216"/>
      <c r="N94" s="216"/>
      <c r="O94" s="216"/>
      <c r="P94" s="216"/>
      <c r="Q94" s="216"/>
      <c r="R94" s="216"/>
      <c r="S94" s="216"/>
      <c r="T94" s="184"/>
      <c r="U94" s="184"/>
      <c r="V94" s="184"/>
      <c r="W94" s="184"/>
      <c r="X94" s="184"/>
      <c r="Y94" s="184"/>
      <c r="Z94" s="184"/>
      <c r="AA94" s="184"/>
      <c r="AB94" s="184"/>
      <c r="AC94" s="184"/>
      <c r="AD94" s="184"/>
      <c r="AE94" s="184"/>
      <c r="AF94" s="184"/>
      <c r="AG94" s="184"/>
      <c r="AH94" s="184"/>
      <c r="AI94" s="184"/>
      <c r="AJ94" s="184"/>
      <c r="AK94" s="184"/>
      <c r="AL94" s="184"/>
      <c r="AM94" s="184"/>
      <c r="AN94" s="184"/>
      <c r="AO94" s="184"/>
      <c r="AP94" s="184"/>
      <c r="AQ94" s="184"/>
      <c r="AR94" s="184"/>
      <c r="AS94" s="184"/>
      <c r="AT94" s="184"/>
      <c r="AU94" s="184"/>
      <c r="AV94" s="184"/>
      <c r="AW94" s="184"/>
      <c r="AX94" s="184"/>
      <c r="AY94" s="184"/>
      <c r="AZ94" s="184"/>
      <c r="BA94" s="188"/>
      <c r="BB94" s="215"/>
      <c r="BC94" s="216"/>
      <c r="BD94" s="216"/>
      <c r="BE94" s="216"/>
      <c r="BF94" s="216"/>
      <c r="BG94" s="216"/>
      <c r="BH94" s="216"/>
      <c r="BI94" s="216"/>
      <c r="BJ94" s="184"/>
      <c r="BK94" s="184"/>
      <c r="BL94" s="184"/>
      <c r="BM94" s="184"/>
      <c r="BN94" s="184"/>
      <c r="BO94" s="184"/>
      <c r="BP94" s="184"/>
      <c r="BQ94" s="184"/>
      <c r="BR94" s="184"/>
      <c r="BS94" s="184"/>
      <c r="BT94" s="184"/>
      <c r="BU94" s="184"/>
      <c r="BV94" s="184"/>
      <c r="BW94" s="184"/>
      <c r="BX94" s="184"/>
      <c r="BY94" s="184"/>
      <c r="BZ94" s="184"/>
      <c r="CA94" s="184"/>
      <c r="CB94" s="184"/>
      <c r="CC94" s="184"/>
      <c r="CD94" s="184"/>
      <c r="CE94" s="184"/>
      <c r="CF94" s="184"/>
      <c r="CG94" s="184"/>
      <c r="CH94" s="184"/>
      <c r="CI94" s="184"/>
      <c r="CJ94" s="184"/>
      <c r="CK94" s="184"/>
      <c r="CL94" s="184"/>
      <c r="CM94" s="184"/>
      <c r="CN94" s="184"/>
      <c r="CO94" s="184"/>
      <c r="CP94" s="184"/>
      <c r="CQ94" s="185"/>
      <c r="CR94" s="29"/>
    </row>
    <row r="95" spans="1:147" s="8" customFormat="1" ht="6.75" customHeight="1" x14ac:dyDescent="0.55000000000000004">
      <c r="A95" s="211"/>
      <c r="B95" s="212"/>
      <c r="C95" s="212"/>
      <c r="D95" s="212"/>
      <c r="E95" s="212"/>
      <c r="F95" s="212"/>
      <c r="G95" s="212"/>
      <c r="H95" s="212"/>
      <c r="I95" s="212"/>
      <c r="J95" s="212"/>
      <c r="K95" s="212"/>
      <c r="L95" s="215" t="s">
        <v>28</v>
      </c>
      <c r="M95" s="216"/>
      <c r="N95" s="216"/>
      <c r="O95" s="216"/>
      <c r="P95" s="216"/>
      <c r="Q95" s="216"/>
      <c r="R95" s="216"/>
      <c r="S95" s="216"/>
      <c r="T95" s="184" t="s">
        <v>110</v>
      </c>
      <c r="U95" s="184"/>
      <c r="V95" s="184"/>
      <c r="W95" s="184"/>
      <c r="X95" s="184"/>
      <c r="Y95" s="184"/>
      <c r="Z95" s="184"/>
      <c r="AA95" s="184"/>
      <c r="AB95" s="184"/>
      <c r="AC95" s="184"/>
      <c r="AD95" s="184"/>
      <c r="AE95" s="184"/>
      <c r="AF95" s="184"/>
      <c r="AG95" s="184"/>
      <c r="AH95" s="184"/>
      <c r="AI95" s="184"/>
      <c r="AJ95" s="184"/>
      <c r="AK95" s="184"/>
      <c r="AL95" s="184"/>
      <c r="AM95" s="184"/>
      <c r="AN95" s="184"/>
      <c r="AO95" s="184"/>
      <c r="AP95" s="184"/>
      <c r="AQ95" s="184"/>
      <c r="AR95" s="184"/>
      <c r="AS95" s="184"/>
      <c r="AT95" s="184"/>
      <c r="AU95" s="184"/>
      <c r="AV95" s="184"/>
      <c r="AW95" s="184"/>
      <c r="AX95" s="184"/>
      <c r="AY95" s="184"/>
      <c r="AZ95" s="184"/>
      <c r="BA95" s="188"/>
      <c r="BB95" s="215" t="s">
        <v>29</v>
      </c>
      <c r="BC95" s="216"/>
      <c r="BD95" s="216"/>
      <c r="BE95" s="216"/>
      <c r="BF95" s="216"/>
      <c r="BG95" s="216"/>
      <c r="BH95" s="216"/>
      <c r="BI95" s="216"/>
      <c r="BJ95" s="184"/>
      <c r="BK95" s="184"/>
      <c r="BL95" s="184"/>
      <c r="BM95" s="184"/>
      <c r="BN95" s="184"/>
      <c r="BO95" s="184"/>
      <c r="BP95" s="184"/>
      <c r="BQ95" s="184"/>
      <c r="BR95" s="184"/>
      <c r="BS95" s="184"/>
      <c r="BT95" s="184"/>
      <c r="BU95" s="184"/>
      <c r="BV95" s="184"/>
      <c r="BW95" s="184"/>
      <c r="BX95" s="184"/>
      <c r="BY95" s="184"/>
      <c r="BZ95" s="184"/>
      <c r="CA95" s="184"/>
      <c r="CB95" s="184"/>
      <c r="CC95" s="184"/>
      <c r="CD95" s="184"/>
      <c r="CE95" s="184"/>
      <c r="CF95" s="184"/>
      <c r="CG95" s="184"/>
      <c r="CH95" s="184"/>
      <c r="CI95" s="184"/>
      <c r="CJ95" s="184"/>
      <c r="CK95" s="184"/>
      <c r="CL95" s="184"/>
      <c r="CM95" s="184"/>
      <c r="CN95" s="184"/>
      <c r="CO95" s="184"/>
      <c r="CP95" s="184"/>
      <c r="CQ95" s="185"/>
      <c r="CR95" s="30"/>
    </row>
    <row r="96" spans="1:147" s="8" customFormat="1" ht="6.75" customHeight="1" x14ac:dyDescent="0.55000000000000004">
      <c r="A96" s="211"/>
      <c r="B96" s="212"/>
      <c r="C96" s="212"/>
      <c r="D96" s="212"/>
      <c r="E96" s="212"/>
      <c r="F96" s="212"/>
      <c r="G96" s="212"/>
      <c r="H96" s="212"/>
      <c r="I96" s="212"/>
      <c r="J96" s="212"/>
      <c r="K96" s="212"/>
      <c r="L96" s="215"/>
      <c r="M96" s="216"/>
      <c r="N96" s="216"/>
      <c r="O96" s="216"/>
      <c r="P96" s="216"/>
      <c r="Q96" s="216"/>
      <c r="R96" s="216"/>
      <c r="S96" s="216"/>
      <c r="T96" s="184"/>
      <c r="U96" s="184"/>
      <c r="V96" s="184"/>
      <c r="W96" s="184"/>
      <c r="X96" s="184"/>
      <c r="Y96" s="184"/>
      <c r="Z96" s="184"/>
      <c r="AA96" s="184"/>
      <c r="AB96" s="184"/>
      <c r="AC96" s="184"/>
      <c r="AD96" s="184"/>
      <c r="AE96" s="184"/>
      <c r="AF96" s="184"/>
      <c r="AG96" s="184"/>
      <c r="AH96" s="184"/>
      <c r="AI96" s="184"/>
      <c r="AJ96" s="184"/>
      <c r="AK96" s="184"/>
      <c r="AL96" s="184"/>
      <c r="AM96" s="184"/>
      <c r="AN96" s="184"/>
      <c r="AO96" s="184"/>
      <c r="AP96" s="184"/>
      <c r="AQ96" s="184"/>
      <c r="AR96" s="184"/>
      <c r="AS96" s="184"/>
      <c r="AT96" s="184"/>
      <c r="AU96" s="184"/>
      <c r="AV96" s="184"/>
      <c r="AW96" s="184"/>
      <c r="AX96" s="184"/>
      <c r="AY96" s="184"/>
      <c r="AZ96" s="184"/>
      <c r="BA96" s="188"/>
      <c r="BB96" s="215"/>
      <c r="BC96" s="216"/>
      <c r="BD96" s="216"/>
      <c r="BE96" s="216"/>
      <c r="BF96" s="216"/>
      <c r="BG96" s="216"/>
      <c r="BH96" s="216"/>
      <c r="BI96" s="216"/>
      <c r="BJ96" s="184"/>
      <c r="BK96" s="184"/>
      <c r="BL96" s="184"/>
      <c r="BM96" s="184"/>
      <c r="BN96" s="184"/>
      <c r="BO96" s="184"/>
      <c r="BP96" s="184"/>
      <c r="BQ96" s="184"/>
      <c r="BR96" s="184"/>
      <c r="BS96" s="184"/>
      <c r="BT96" s="184"/>
      <c r="BU96" s="184"/>
      <c r="BV96" s="184"/>
      <c r="BW96" s="184"/>
      <c r="BX96" s="184"/>
      <c r="BY96" s="184"/>
      <c r="BZ96" s="184"/>
      <c r="CA96" s="184"/>
      <c r="CB96" s="184"/>
      <c r="CC96" s="184"/>
      <c r="CD96" s="184"/>
      <c r="CE96" s="184"/>
      <c r="CF96" s="184"/>
      <c r="CG96" s="184"/>
      <c r="CH96" s="184"/>
      <c r="CI96" s="184"/>
      <c r="CJ96" s="184"/>
      <c r="CK96" s="184"/>
      <c r="CL96" s="184"/>
      <c r="CM96" s="184"/>
      <c r="CN96" s="184"/>
      <c r="CO96" s="184"/>
      <c r="CP96" s="184"/>
      <c r="CQ96" s="185"/>
      <c r="CR96" s="30"/>
    </row>
    <row r="97" spans="1:97" s="8" customFormat="1" ht="6.75" customHeight="1" x14ac:dyDescent="0.55000000000000004">
      <c r="A97" s="211"/>
      <c r="B97" s="212"/>
      <c r="C97" s="212"/>
      <c r="D97" s="212"/>
      <c r="E97" s="212"/>
      <c r="F97" s="212"/>
      <c r="G97" s="212"/>
      <c r="H97" s="212"/>
      <c r="I97" s="212"/>
      <c r="J97" s="212"/>
      <c r="K97" s="212"/>
      <c r="L97" s="215"/>
      <c r="M97" s="216"/>
      <c r="N97" s="216"/>
      <c r="O97" s="216"/>
      <c r="P97" s="216"/>
      <c r="Q97" s="216"/>
      <c r="R97" s="216"/>
      <c r="S97" s="216"/>
      <c r="T97" s="184"/>
      <c r="U97" s="184"/>
      <c r="V97" s="184"/>
      <c r="W97" s="184"/>
      <c r="X97" s="184"/>
      <c r="Y97" s="184"/>
      <c r="Z97" s="184"/>
      <c r="AA97" s="184"/>
      <c r="AB97" s="184"/>
      <c r="AC97" s="184"/>
      <c r="AD97" s="184"/>
      <c r="AE97" s="184"/>
      <c r="AF97" s="184"/>
      <c r="AG97" s="184"/>
      <c r="AH97" s="184"/>
      <c r="AI97" s="184"/>
      <c r="AJ97" s="184"/>
      <c r="AK97" s="184"/>
      <c r="AL97" s="184"/>
      <c r="AM97" s="184"/>
      <c r="AN97" s="184"/>
      <c r="AO97" s="184"/>
      <c r="AP97" s="184"/>
      <c r="AQ97" s="184"/>
      <c r="AR97" s="184"/>
      <c r="AS97" s="184"/>
      <c r="AT97" s="184"/>
      <c r="AU97" s="184"/>
      <c r="AV97" s="184"/>
      <c r="AW97" s="184"/>
      <c r="AX97" s="184"/>
      <c r="AY97" s="184"/>
      <c r="AZ97" s="184"/>
      <c r="BA97" s="188"/>
      <c r="BB97" s="215"/>
      <c r="BC97" s="216"/>
      <c r="BD97" s="216"/>
      <c r="BE97" s="216"/>
      <c r="BF97" s="216"/>
      <c r="BG97" s="216"/>
      <c r="BH97" s="216"/>
      <c r="BI97" s="216"/>
      <c r="BJ97" s="184"/>
      <c r="BK97" s="184"/>
      <c r="BL97" s="184"/>
      <c r="BM97" s="184"/>
      <c r="BN97" s="184"/>
      <c r="BO97" s="184"/>
      <c r="BP97" s="184"/>
      <c r="BQ97" s="184"/>
      <c r="BR97" s="184"/>
      <c r="BS97" s="184"/>
      <c r="BT97" s="184"/>
      <c r="BU97" s="184"/>
      <c r="BV97" s="184"/>
      <c r="BW97" s="184"/>
      <c r="BX97" s="184"/>
      <c r="BY97" s="184"/>
      <c r="BZ97" s="184"/>
      <c r="CA97" s="184"/>
      <c r="CB97" s="184"/>
      <c r="CC97" s="184"/>
      <c r="CD97" s="184"/>
      <c r="CE97" s="184"/>
      <c r="CF97" s="184"/>
      <c r="CG97" s="184"/>
      <c r="CH97" s="184"/>
      <c r="CI97" s="184"/>
      <c r="CJ97" s="184"/>
      <c r="CK97" s="184"/>
      <c r="CL97" s="184"/>
      <c r="CM97" s="184"/>
      <c r="CN97" s="184"/>
      <c r="CO97" s="184"/>
      <c r="CP97" s="184"/>
      <c r="CQ97" s="185"/>
      <c r="CR97" s="30"/>
    </row>
    <row r="98" spans="1:97" s="8" customFormat="1" ht="6.75" customHeight="1" x14ac:dyDescent="0.55000000000000004">
      <c r="A98" s="211"/>
      <c r="B98" s="212"/>
      <c r="C98" s="212"/>
      <c r="D98" s="212"/>
      <c r="E98" s="212"/>
      <c r="F98" s="212"/>
      <c r="G98" s="212"/>
      <c r="H98" s="212"/>
      <c r="I98" s="212"/>
      <c r="J98" s="212"/>
      <c r="K98" s="212"/>
      <c r="L98" s="215"/>
      <c r="M98" s="216"/>
      <c r="N98" s="216"/>
      <c r="O98" s="216"/>
      <c r="P98" s="216"/>
      <c r="Q98" s="216"/>
      <c r="R98" s="216"/>
      <c r="S98" s="216"/>
      <c r="T98" s="184"/>
      <c r="U98" s="184"/>
      <c r="V98" s="184"/>
      <c r="W98" s="184"/>
      <c r="X98" s="184"/>
      <c r="Y98" s="184"/>
      <c r="Z98" s="184"/>
      <c r="AA98" s="184"/>
      <c r="AB98" s="184"/>
      <c r="AC98" s="184"/>
      <c r="AD98" s="184"/>
      <c r="AE98" s="184"/>
      <c r="AF98" s="184"/>
      <c r="AG98" s="184"/>
      <c r="AH98" s="184"/>
      <c r="AI98" s="184"/>
      <c r="AJ98" s="184"/>
      <c r="AK98" s="184"/>
      <c r="AL98" s="184"/>
      <c r="AM98" s="184"/>
      <c r="AN98" s="184"/>
      <c r="AO98" s="184"/>
      <c r="AP98" s="184"/>
      <c r="AQ98" s="184"/>
      <c r="AR98" s="184"/>
      <c r="AS98" s="184"/>
      <c r="AT98" s="184"/>
      <c r="AU98" s="184"/>
      <c r="AV98" s="184"/>
      <c r="AW98" s="184"/>
      <c r="AX98" s="184"/>
      <c r="AY98" s="184"/>
      <c r="AZ98" s="184"/>
      <c r="BA98" s="188"/>
      <c r="BB98" s="215"/>
      <c r="BC98" s="216"/>
      <c r="BD98" s="216"/>
      <c r="BE98" s="216"/>
      <c r="BF98" s="216"/>
      <c r="BG98" s="216"/>
      <c r="BH98" s="216"/>
      <c r="BI98" s="216"/>
      <c r="BJ98" s="184"/>
      <c r="BK98" s="184"/>
      <c r="BL98" s="184"/>
      <c r="BM98" s="184"/>
      <c r="BN98" s="184"/>
      <c r="BO98" s="184"/>
      <c r="BP98" s="184"/>
      <c r="BQ98" s="184"/>
      <c r="BR98" s="184"/>
      <c r="BS98" s="184"/>
      <c r="BT98" s="184"/>
      <c r="BU98" s="184"/>
      <c r="BV98" s="184"/>
      <c r="BW98" s="184"/>
      <c r="BX98" s="184"/>
      <c r="BY98" s="184"/>
      <c r="BZ98" s="184"/>
      <c r="CA98" s="184"/>
      <c r="CB98" s="184"/>
      <c r="CC98" s="184"/>
      <c r="CD98" s="184"/>
      <c r="CE98" s="184"/>
      <c r="CF98" s="184"/>
      <c r="CG98" s="184"/>
      <c r="CH98" s="184"/>
      <c r="CI98" s="184"/>
      <c r="CJ98" s="184"/>
      <c r="CK98" s="184"/>
      <c r="CL98" s="184"/>
      <c r="CM98" s="184"/>
      <c r="CN98" s="184"/>
      <c r="CO98" s="184"/>
      <c r="CP98" s="184"/>
      <c r="CQ98" s="185"/>
      <c r="CR98" s="30"/>
    </row>
    <row r="99" spans="1:97" s="8" customFormat="1" ht="6.75" customHeight="1" x14ac:dyDescent="0.55000000000000004">
      <c r="A99" s="211"/>
      <c r="B99" s="212"/>
      <c r="C99" s="212"/>
      <c r="D99" s="212"/>
      <c r="E99" s="212"/>
      <c r="F99" s="212"/>
      <c r="G99" s="212"/>
      <c r="H99" s="212"/>
      <c r="I99" s="212"/>
      <c r="J99" s="212"/>
      <c r="K99" s="212"/>
      <c r="L99" s="215"/>
      <c r="M99" s="216"/>
      <c r="N99" s="216"/>
      <c r="O99" s="216"/>
      <c r="P99" s="216"/>
      <c r="Q99" s="216"/>
      <c r="R99" s="216"/>
      <c r="S99" s="216"/>
      <c r="T99" s="184"/>
      <c r="U99" s="184"/>
      <c r="V99" s="184"/>
      <c r="W99" s="184"/>
      <c r="X99" s="184"/>
      <c r="Y99" s="184"/>
      <c r="Z99" s="184"/>
      <c r="AA99" s="184"/>
      <c r="AB99" s="184"/>
      <c r="AC99" s="184"/>
      <c r="AD99" s="184"/>
      <c r="AE99" s="184"/>
      <c r="AF99" s="184"/>
      <c r="AG99" s="184"/>
      <c r="AH99" s="184"/>
      <c r="AI99" s="184"/>
      <c r="AJ99" s="184"/>
      <c r="AK99" s="184"/>
      <c r="AL99" s="184"/>
      <c r="AM99" s="184"/>
      <c r="AN99" s="184"/>
      <c r="AO99" s="184"/>
      <c r="AP99" s="184"/>
      <c r="AQ99" s="184"/>
      <c r="AR99" s="184"/>
      <c r="AS99" s="184"/>
      <c r="AT99" s="184"/>
      <c r="AU99" s="184"/>
      <c r="AV99" s="184"/>
      <c r="AW99" s="184"/>
      <c r="AX99" s="184"/>
      <c r="AY99" s="184"/>
      <c r="AZ99" s="184"/>
      <c r="BA99" s="188"/>
      <c r="BB99" s="215"/>
      <c r="BC99" s="216"/>
      <c r="BD99" s="216"/>
      <c r="BE99" s="216"/>
      <c r="BF99" s="216"/>
      <c r="BG99" s="216"/>
      <c r="BH99" s="216"/>
      <c r="BI99" s="216"/>
      <c r="BJ99" s="184"/>
      <c r="BK99" s="184"/>
      <c r="BL99" s="184"/>
      <c r="BM99" s="184"/>
      <c r="BN99" s="184"/>
      <c r="BO99" s="184"/>
      <c r="BP99" s="184"/>
      <c r="BQ99" s="184"/>
      <c r="BR99" s="184"/>
      <c r="BS99" s="184"/>
      <c r="BT99" s="184"/>
      <c r="BU99" s="184"/>
      <c r="BV99" s="184"/>
      <c r="BW99" s="184"/>
      <c r="BX99" s="184"/>
      <c r="BY99" s="184"/>
      <c r="BZ99" s="184"/>
      <c r="CA99" s="184"/>
      <c r="CB99" s="184"/>
      <c r="CC99" s="184"/>
      <c r="CD99" s="184"/>
      <c r="CE99" s="184"/>
      <c r="CF99" s="184"/>
      <c r="CG99" s="184"/>
      <c r="CH99" s="184"/>
      <c r="CI99" s="184"/>
      <c r="CJ99" s="184"/>
      <c r="CK99" s="184"/>
      <c r="CL99" s="184"/>
      <c r="CM99" s="184"/>
      <c r="CN99" s="184"/>
      <c r="CO99" s="184"/>
      <c r="CP99" s="184"/>
      <c r="CQ99" s="185"/>
      <c r="CR99" s="30"/>
      <c r="CS99" s="30"/>
    </row>
    <row r="100" spans="1:97" s="8" customFormat="1" ht="6.75" customHeight="1" x14ac:dyDescent="0.55000000000000004">
      <c r="A100" s="211"/>
      <c r="B100" s="212"/>
      <c r="C100" s="212"/>
      <c r="D100" s="212"/>
      <c r="E100" s="212"/>
      <c r="F100" s="212"/>
      <c r="G100" s="212"/>
      <c r="H100" s="212"/>
      <c r="I100" s="212"/>
      <c r="J100" s="212"/>
      <c r="K100" s="212"/>
      <c r="L100" s="215"/>
      <c r="M100" s="216"/>
      <c r="N100" s="216"/>
      <c r="O100" s="216"/>
      <c r="P100" s="216"/>
      <c r="Q100" s="216"/>
      <c r="R100" s="216"/>
      <c r="S100" s="216"/>
      <c r="T100" s="184"/>
      <c r="U100" s="184"/>
      <c r="V100" s="184"/>
      <c r="W100" s="184"/>
      <c r="X100" s="184"/>
      <c r="Y100" s="184"/>
      <c r="Z100" s="184"/>
      <c r="AA100" s="184"/>
      <c r="AB100" s="184"/>
      <c r="AC100" s="184"/>
      <c r="AD100" s="184"/>
      <c r="AE100" s="184"/>
      <c r="AF100" s="184"/>
      <c r="AG100" s="184"/>
      <c r="AH100" s="184"/>
      <c r="AI100" s="184"/>
      <c r="AJ100" s="184"/>
      <c r="AK100" s="184"/>
      <c r="AL100" s="184"/>
      <c r="AM100" s="184"/>
      <c r="AN100" s="184"/>
      <c r="AO100" s="184"/>
      <c r="AP100" s="184"/>
      <c r="AQ100" s="184"/>
      <c r="AR100" s="184"/>
      <c r="AS100" s="184"/>
      <c r="AT100" s="184"/>
      <c r="AU100" s="184"/>
      <c r="AV100" s="184"/>
      <c r="AW100" s="184"/>
      <c r="AX100" s="184"/>
      <c r="AY100" s="184"/>
      <c r="AZ100" s="184"/>
      <c r="BA100" s="188"/>
      <c r="BB100" s="215"/>
      <c r="BC100" s="216"/>
      <c r="BD100" s="216"/>
      <c r="BE100" s="216"/>
      <c r="BF100" s="216"/>
      <c r="BG100" s="216"/>
      <c r="BH100" s="216"/>
      <c r="BI100" s="216"/>
      <c r="BJ100" s="184"/>
      <c r="BK100" s="184"/>
      <c r="BL100" s="184"/>
      <c r="BM100" s="184"/>
      <c r="BN100" s="184"/>
      <c r="BO100" s="184"/>
      <c r="BP100" s="184"/>
      <c r="BQ100" s="184"/>
      <c r="BR100" s="184"/>
      <c r="BS100" s="184"/>
      <c r="BT100" s="184"/>
      <c r="BU100" s="184"/>
      <c r="BV100" s="184"/>
      <c r="BW100" s="184"/>
      <c r="BX100" s="184"/>
      <c r="BY100" s="184"/>
      <c r="BZ100" s="184"/>
      <c r="CA100" s="184"/>
      <c r="CB100" s="184"/>
      <c r="CC100" s="184"/>
      <c r="CD100" s="184"/>
      <c r="CE100" s="184"/>
      <c r="CF100" s="184"/>
      <c r="CG100" s="184"/>
      <c r="CH100" s="184"/>
      <c r="CI100" s="184"/>
      <c r="CJ100" s="184"/>
      <c r="CK100" s="184"/>
      <c r="CL100" s="184"/>
      <c r="CM100" s="184"/>
      <c r="CN100" s="184"/>
      <c r="CO100" s="184"/>
      <c r="CP100" s="184"/>
      <c r="CQ100" s="185"/>
      <c r="CR100" s="31"/>
      <c r="CS100" s="31"/>
    </row>
    <row r="101" spans="1:97" s="8" customFormat="1" ht="6.75" customHeight="1" x14ac:dyDescent="0.55000000000000004">
      <c r="A101" s="211"/>
      <c r="B101" s="212"/>
      <c r="C101" s="212"/>
      <c r="D101" s="212"/>
      <c r="E101" s="212"/>
      <c r="F101" s="212"/>
      <c r="G101" s="212"/>
      <c r="H101" s="212"/>
      <c r="I101" s="212"/>
      <c r="J101" s="212"/>
      <c r="K101" s="212"/>
      <c r="L101" s="215" t="s">
        <v>30</v>
      </c>
      <c r="M101" s="216"/>
      <c r="N101" s="216"/>
      <c r="O101" s="216"/>
      <c r="P101" s="216"/>
      <c r="Q101" s="216"/>
      <c r="R101" s="216"/>
      <c r="S101" s="216"/>
      <c r="T101" s="184" t="s">
        <v>110</v>
      </c>
      <c r="U101" s="184"/>
      <c r="V101" s="184"/>
      <c r="W101" s="184"/>
      <c r="X101" s="184"/>
      <c r="Y101" s="184"/>
      <c r="Z101" s="184"/>
      <c r="AA101" s="184"/>
      <c r="AB101" s="184"/>
      <c r="AC101" s="184"/>
      <c r="AD101" s="184"/>
      <c r="AE101" s="184"/>
      <c r="AF101" s="184"/>
      <c r="AG101" s="184"/>
      <c r="AH101" s="184"/>
      <c r="AI101" s="184"/>
      <c r="AJ101" s="184"/>
      <c r="AK101" s="184"/>
      <c r="AL101" s="184"/>
      <c r="AM101" s="184"/>
      <c r="AN101" s="184"/>
      <c r="AO101" s="184"/>
      <c r="AP101" s="184"/>
      <c r="AQ101" s="184"/>
      <c r="AR101" s="184"/>
      <c r="AS101" s="184"/>
      <c r="AT101" s="184"/>
      <c r="AU101" s="184"/>
      <c r="AV101" s="184"/>
      <c r="AW101" s="184"/>
      <c r="AX101" s="184"/>
      <c r="AY101" s="184"/>
      <c r="AZ101" s="184"/>
      <c r="BA101" s="188"/>
      <c r="BB101" s="215" t="s">
        <v>31</v>
      </c>
      <c r="BC101" s="216"/>
      <c r="BD101" s="216"/>
      <c r="BE101" s="216"/>
      <c r="BF101" s="216"/>
      <c r="BG101" s="216"/>
      <c r="BH101" s="216"/>
      <c r="BI101" s="216"/>
      <c r="BJ101" s="184"/>
      <c r="BK101" s="184"/>
      <c r="BL101" s="184"/>
      <c r="BM101" s="184"/>
      <c r="BN101" s="184"/>
      <c r="BO101" s="184"/>
      <c r="BP101" s="184"/>
      <c r="BQ101" s="184"/>
      <c r="BR101" s="184"/>
      <c r="BS101" s="184"/>
      <c r="BT101" s="184"/>
      <c r="BU101" s="184"/>
      <c r="BV101" s="184"/>
      <c r="BW101" s="184"/>
      <c r="BX101" s="184"/>
      <c r="BY101" s="184"/>
      <c r="BZ101" s="184"/>
      <c r="CA101" s="184"/>
      <c r="CB101" s="184"/>
      <c r="CC101" s="184"/>
      <c r="CD101" s="184"/>
      <c r="CE101" s="184"/>
      <c r="CF101" s="184"/>
      <c r="CG101" s="184"/>
      <c r="CH101" s="184"/>
      <c r="CI101" s="184"/>
      <c r="CJ101" s="184"/>
      <c r="CK101" s="184"/>
      <c r="CL101" s="184"/>
      <c r="CM101" s="184"/>
      <c r="CN101" s="184"/>
      <c r="CO101" s="184"/>
      <c r="CP101" s="184"/>
      <c r="CQ101" s="185"/>
      <c r="CR101" s="31"/>
      <c r="CS101" s="31"/>
    </row>
    <row r="102" spans="1:97" s="8" customFormat="1" ht="6.75" customHeight="1" x14ac:dyDescent="0.55000000000000004">
      <c r="A102" s="211"/>
      <c r="B102" s="212"/>
      <c r="C102" s="212"/>
      <c r="D102" s="212"/>
      <c r="E102" s="212"/>
      <c r="F102" s="212"/>
      <c r="G102" s="212"/>
      <c r="H102" s="212"/>
      <c r="I102" s="212"/>
      <c r="J102" s="212"/>
      <c r="K102" s="212"/>
      <c r="L102" s="215"/>
      <c r="M102" s="216"/>
      <c r="N102" s="216"/>
      <c r="O102" s="216"/>
      <c r="P102" s="216"/>
      <c r="Q102" s="216"/>
      <c r="R102" s="216"/>
      <c r="S102" s="216"/>
      <c r="T102" s="184"/>
      <c r="U102" s="184"/>
      <c r="V102" s="184"/>
      <c r="W102" s="184"/>
      <c r="X102" s="184"/>
      <c r="Y102" s="184"/>
      <c r="Z102" s="184"/>
      <c r="AA102" s="184"/>
      <c r="AB102" s="184"/>
      <c r="AC102" s="184"/>
      <c r="AD102" s="184"/>
      <c r="AE102" s="184"/>
      <c r="AF102" s="184"/>
      <c r="AG102" s="184"/>
      <c r="AH102" s="184"/>
      <c r="AI102" s="184"/>
      <c r="AJ102" s="184"/>
      <c r="AK102" s="184"/>
      <c r="AL102" s="184"/>
      <c r="AM102" s="184"/>
      <c r="AN102" s="184"/>
      <c r="AO102" s="184"/>
      <c r="AP102" s="184"/>
      <c r="AQ102" s="184"/>
      <c r="AR102" s="184"/>
      <c r="AS102" s="184"/>
      <c r="AT102" s="184"/>
      <c r="AU102" s="184"/>
      <c r="AV102" s="184"/>
      <c r="AW102" s="184"/>
      <c r="AX102" s="184"/>
      <c r="AY102" s="184"/>
      <c r="AZ102" s="184"/>
      <c r="BA102" s="188"/>
      <c r="BB102" s="215"/>
      <c r="BC102" s="216"/>
      <c r="BD102" s="216"/>
      <c r="BE102" s="216"/>
      <c r="BF102" s="216"/>
      <c r="BG102" s="216"/>
      <c r="BH102" s="216"/>
      <c r="BI102" s="216"/>
      <c r="BJ102" s="184"/>
      <c r="BK102" s="184"/>
      <c r="BL102" s="184"/>
      <c r="BM102" s="184"/>
      <c r="BN102" s="184"/>
      <c r="BO102" s="184"/>
      <c r="BP102" s="184"/>
      <c r="BQ102" s="184"/>
      <c r="BR102" s="184"/>
      <c r="BS102" s="184"/>
      <c r="BT102" s="184"/>
      <c r="BU102" s="184"/>
      <c r="BV102" s="184"/>
      <c r="BW102" s="184"/>
      <c r="BX102" s="184"/>
      <c r="BY102" s="184"/>
      <c r="BZ102" s="184"/>
      <c r="CA102" s="184"/>
      <c r="CB102" s="184"/>
      <c r="CC102" s="184"/>
      <c r="CD102" s="184"/>
      <c r="CE102" s="184"/>
      <c r="CF102" s="184"/>
      <c r="CG102" s="184"/>
      <c r="CH102" s="184"/>
      <c r="CI102" s="184"/>
      <c r="CJ102" s="184"/>
      <c r="CK102" s="184"/>
      <c r="CL102" s="184"/>
      <c r="CM102" s="184"/>
      <c r="CN102" s="184"/>
      <c r="CO102" s="184"/>
      <c r="CP102" s="184"/>
      <c r="CQ102" s="185"/>
      <c r="CR102" s="31"/>
      <c r="CS102" s="31"/>
    </row>
    <row r="103" spans="1:97" s="32" customFormat="1" ht="6.75" customHeight="1" x14ac:dyDescent="0.55000000000000004">
      <c r="A103" s="211"/>
      <c r="B103" s="212"/>
      <c r="C103" s="212"/>
      <c r="D103" s="212"/>
      <c r="E103" s="212"/>
      <c r="F103" s="212"/>
      <c r="G103" s="212"/>
      <c r="H103" s="212"/>
      <c r="I103" s="212"/>
      <c r="J103" s="212"/>
      <c r="K103" s="212"/>
      <c r="L103" s="215"/>
      <c r="M103" s="216"/>
      <c r="N103" s="216"/>
      <c r="O103" s="216"/>
      <c r="P103" s="216"/>
      <c r="Q103" s="216"/>
      <c r="R103" s="216"/>
      <c r="S103" s="216"/>
      <c r="T103" s="184"/>
      <c r="U103" s="184"/>
      <c r="V103" s="184"/>
      <c r="W103" s="184"/>
      <c r="X103" s="184"/>
      <c r="Y103" s="184"/>
      <c r="Z103" s="184"/>
      <c r="AA103" s="184"/>
      <c r="AB103" s="184"/>
      <c r="AC103" s="184"/>
      <c r="AD103" s="184"/>
      <c r="AE103" s="184"/>
      <c r="AF103" s="184"/>
      <c r="AG103" s="184"/>
      <c r="AH103" s="184"/>
      <c r="AI103" s="184"/>
      <c r="AJ103" s="184"/>
      <c r="AK103" s="184"/>
      <c r="AL103" s="184"/>
      <c r="AM103" s="184"/>
      <c r="AN103" s="184"/>
      <c r="AO103" s="184"/>
      <c r="AP103" s="184"/>
      <c r="AQ103" s="184"/>
      <c r="AR103" s="184"/>
      <c r="AS103" s="184"/>
      <c r="AT103" s="184"/>
      <c r="AU103" s="184"/>
      <c r="AV103" s="184"/>
      <c r="AW103" s="184"/>
      <c r="AX103" s="184"/>
      <c r="AY103" s="184"/>
      <c r="AZ103" s="184"/>
      <c r="BA103" s="188"/>
      <c r="BB103" s="215"/>
      <c r="BC103" s="216"/>
      <c r="BD103" s="216"/>
      <c r="BE103" s="216"/>
      <c r="BF103" s="216"/>
      <c r="BG103" s="216"/>
      <c r="BH103" s="216"/>
      <c r="BI103" s="216"/>
      <c r="BJ103" s="184"/>
      <c r="BK103" s="184"/>
      <c r="BL103" s="184"/>
      <c r="BM103" s="184"/>
      <c r="BN103" s="184"/>
      <c r="BO103" s="184"/>
      <c r="BP103" s="184"/>
      <c r="BQ103" s="184"/>
      <c r="BR103" s="184"/>
      <c r="BS103" s="184"/>
      <c r="BT103" s="184"/>
      <c r="BU103" s="184"/>
      <c r="BV103" s="184"/>
      <c r="BW103" s="184"/>
      <c r="BX103" s="184"/>
      <c r="BY103" s="184"/>
      <c r="BZ103" s="184"/>
      <c r="CA103" s="184"/>
      <c r="CB103" s="184"/>
      <c r="CC103" s="184"/>
      <c r="CD103" s="184"/>
      <c r="CE103" s="184"/>
      <c r="CF103" s="184"/>
      <c r="CG103" s="184"/>
      <c r="CH103" s="184"/>
      <c r="CI103" s="184"/>
      <c r="CJ103" s="184"/>
      <c r="CK103" s="184"/>
      <c r="CL103" s="184"/>
      <c r="CM103" s="184"/>
      <c r="CN103" s="184"/>
      <c r="CO103" s="184"/>
      <c r="CP103" s="184"/>
      <c r="CQ103" s="185"/>
      <c r="CR103" s="31"/>
      <c r="CS103" s="31"/>
    </row>
    <row r="104" spans="1:97" s="32" customFormat="1" ht="6.75" customHeight="1" x14ac:dyDescent="0.55000000000000004">
      <c r="A104" s="211"/>
      <c r="B104" s="212"/>
      <c r="C104" s="212"/>
      <c r="D104" s="212"/>
      <c r="E104" s="212"/>
      <c r="F104" s="212"/>
      <c r="G104" s="212"/>
      <c r="H104" s="212"/>
      <c r="I104" s="212"/>
      <c r="J104" s="212"/>
      <c r="K104" s="212"/>
      <c r="L104" s="215"/>
      <c r="M104" s="216"/>
      <c r="N104" s="216"/>
      <c r="O104" s="216"/>
      <c r="P104" s="216"/>
      <c r="Q104" s="216"/>
      <c r="R104" s="216"/>
      <c r="S104" s="216"/>
      <c r="T104" s="184"/>
      <c r="U104" s="184"/>
      <c r="V104" s="184"/>
      <c r="W104" s="184"/>
      <c r="X104" s="184"/>
      <c r="Y104" s="184"/>
      <c r="Z104" s="184"/>
      <c r="AA104" s="184"/>
      <c r="AB104" s="184"/>
      <c r="AC104" s="184"/>
      <c r="AD104" s="184"/>
      <c r="AE104" s="184"/>
      <c r="AF104" s="184"/>
      <c r="AG104" s="184"/>
      <c r="AH104" s="184"/>
      <c r="AI104" s="184"/>
      <c r="AJ104" s="184"/>
      <c r="AK104" s="184"/>
      <c r="AL104" s="184"/>
      <c r="AM104" s="184"/>
      <c r="AN104" s="184"/>
      <c r="AO104" s="184"/>
      <c r="AP104" s="184"/>
      <c r="AQ104" s="184"/>
      <c r="AR104" s="184"/>
      <c r="AS104" s="184"/>
      <c r="AT104" s="184"/>
      <c r="AU104" s="184"/>
      <c r="AV104" s="184"/>
      <c r="AW104" s="184"/>
      <c r="AX104" s="184"/>
      <c r="AY104" s="184"/>
      <c r="AZ104" s="184"/>
      <c r="BA104" s="188"/>
      <c r="BB104" s="215"/>
      <c r="BC104" s="216"/>
      <c r="BD104" s="216"/>
      <c r="BE104" s="216"/>
      <c r="BF104" s="216"/>
      <c r="BG104" s="216"/>
      <c r="BH104" s="216"/>
      <c r="BI104" s="216"/>
      <c r="BJ104" s="184"/>
      <c r="BK104" s="184"/>
      <c r="BL104" s="184"/>
      <c r="BM104" s="184"/>
      <c r="BN104" s="184"/>
      <c r="BO104" s="184"/>
      <c r="BP104" s="184"/>
      <c r="BQ104" s="184"/>
      <c r="BR104" s="184"/>
      <c r="BS104" s="184"/>
      <c r="BT104" s="184"/>
      <c r="BU104" s="184"/>
      <c r="BV104" s="184"/>
      <c r="BW104" s="184"/>
      <c r="BX104" s="184"/>
      <c r="BY104" s="184"/>
      <c r="BZ104" s="184"/>
      <c r="CA104" s="184"/>
      <c r="CB104" s="184"/>
      <c r="CC104" s="184"/>
      <c r="CD104" s="184"/>
      <c r="CE104" s="184"/>
      <c r="CF104" s="184"/>
      <c r="CG104" s="184"/>
      <c r="CH104" s="184"/>
      <c r="CI104" s="184"/>
      <c r="CJ104" s="184"/>
      <c r="CK104" s="184"/>
      <c r="CL104" s="184"/>
      <c r="CM104" s="184"/>
      <c r="CN104" s="184"/>
      <c r="CO104" s="184"/>
      <c r="CP104" s="184"/>
      <c r="CQ104" s="185"/>
      <c r="CR104" s="31"/>
      <c r="CS104" s="31"/>
    </row>
    <row r="105" spans="1:97" s="32" customFormat="1" ht="6.75" customHeight="1" x14ac:dyDescent="0.55000000000000004">
      <c r="A105" s="211"/>
      <c r="B105" s="212"/>
      <c r="C105" s="212"/>
      <c r="D105" s="212"/>
      <c r="E105" s="212"/>
      <c r="F105" s="212"/>
      <c r="G105" s="212"/>
      <c r="H105" s="212"/>
      <c r="I105" s="212"/>
      <c r="J105" s="212"/>
      <c r="K105" s="212"/>
      <c r="L105" s="215"/>
      <c r="M105" s="216"/>
      <c r="N105" s="216"/>
      <c r="O105" s="216"/>
      <c r="P105" s="216"/>
      <c r="Q105" s="216"/>
      <c r="R105" s="216"/>
      <c r="S105" s="216"/>
      <c r="T105" s="184"/>
      <c r="U105" s="184"/>
      <c r="V105" s="184"/>
      <c r="W105" s="184"/>
      <c r="X105" s="184"/>
      <c r="Y105" s="184"/>
      <c r="Z105" s="184"/>
      <c r="AA105" s="184"/>
      <c r="AB105" s="184"/>
      <c r="AC105" s="184"/>
      <c r="AD105" s="184"/>
      <c r="AE105" s="184"/>
      <c r="AF105" s="184"/>
      <c r="AG105" s="184"/>
      <c r="AH105" s="184"/>
      <c r="AI105" s="184"/>
      <c r="AJ105" s="184"/>
      <c r="AK105" s="184"/>
      <c r="AL105" s="184"/>
      <c r="AM105" s="184"/>
      <c r="AN105" s="184"/>
      <c r="AO105" s="184"/>
      <c r="AP105" s="184"/>
      <c r="AQ105" s="184"/>
      <c r="AR105" s="184"/>
      <c r="AS105" s="184"/>
      <c r="AT105" s="184"/>
      <c r="AU105" s="184"/>
      <c r="AV105" s="184"/>
      <c r="AW105" s="184"/>
      <c r="AX105" s="184"/>
      <c r="AY105" s="184"/>
      <c r="AZ105" s="184"/>
      <c r="BA105" s="188"/>
      <c r="BB105" s="215"/>
      <c r="BC105" s="216"/>
      <c r="BD105" s="216"/>
      <c r="BE105" s="216"/>
      <c r="BF105" s="216"/>
      <c r="BG105" s="216"/>
      <c r="BH105" s="216"/>
      <c r="BI105" s="216"/>
      <c r="BJ105" s="184"/>
      <c r="BK105" s="184"/>
      <c r="BL105" s="184"/>
      <c r="BM105" s="184"/>
      <c r="BN105" s="184"/>
      <c r="BO105" s="184"/>
      <c r="BP105" s="184"/>
      <c r="BQ105" s="184"/>
      <c r="BR105" s="184"/>
      <c r="BS105" s="184"/>
      <c r="BT105" s="184"/>
      <c r="BU105" s="184"/>
      <c r="BV105" s="184"/>
      <c r="BW105" s="184"/>
      <c r="BX105" s="184"/>
      <c r="BY105" s="184"/>
      <c r="BZ105" s="184"/>
      <c r="CA105" s="184"/>
      <c r="CB105" s="184"/>
      <c r="CC105" s="184"/>
      <c r="CD105" s="184"/>
      <c r="CE105" s="184"/>
      <c r="CF105" s="184"/>
      <c r="CG105" s="184"/>
      <c r="CH105" s="184"/>
      <c r="CI105" s="184"/>
      <c r="CJ105" s="184"/>
      <c r="CK105" s="184"/>
      <c r="CL105" s="184"/>
      <c r="CM105" s="184"/>
      <c r="CN105" s="184"/>
      <c r="CO105" s="184"/>
      <c r="CP105" s="184"/>
      <c r="CQ105" s="185"/>
      <c r="CR105" s="31"/>
      <c r="CS105" s="31"/>
    </row>
    <row r="106" spans="1:97" s="8" customFormat="1" ht="6.75" customHeight="1" x14ac:dyDescent="0.55000000000000004">
      <c r="A106" s="211"/>
      <c r="B106" s="212"/>
      <c r="C106" s="212"/>
      <c r="D106" s="212"/>
      <c r="E106" s="212"/>
      <c r="F106" s="212"/>
      <c r="G106" s="212"/>
      <c r="H106" s="212"/>
      <c r="I106" s="212"/>
      <c r="J106" s="212"/>
      <c r="K106" s="212"/>
      <c r="L106" s="215"/>
      <c r="M106" s="216"/>
      <c r="N106" s="216"/>
      <c r="O106" s="216"/>
      <c r="P106" s="216"/>
      <c r="Q106" s="216"/>
      <c r="R106" s="216"/>
      <c r="S106" s="216"/>
      <c r="T106" s="184"/>
      <c r="U106" s="184"/>
      <c r="V106" s="184"/>
      <c r="W106" s="184"/>
      <c r="X106" s="184"/>
      <c r="Y106" s="184"/>
      <c r="Z106" s="184"/>
      <c r="AA106" s="184"/>
      <c r="AB106" s="184"/>
      <c r="AC106" s="184"/>
      <c r="AD106" s="184"/>
      <c r="AE106" s="184"/>
      <c r="AF106" s="184"/>
      <c r="AG106" s="184"/>
      <c r="AH106" s="184"/>
      <c r="AI106" s="184"/>
      <c r="AJ106" s="184"/>
      <c r="AK106" s="184"/>
      <c r="AL106" s="184"/>
      <c r="AM106" s="184"/>
      <c r="AN106" s="184"/>
      <c r="AO106" s="184"/>
      <c r="AP106" s="184"/>
      <c r="AQ106" s="184"/>
      <c r="AR106" s="184"/>
      <c r="AS106" s="184"/>
      <c r="AT106" s="184"/>
      <c r="AU106" s="184"/>
      <c r="AV106" s="184"/>
      <c r="AW106" s="184"/>
      <c r="AX106" s="184"/>
      <c r="AY106" s="184"/>
      <c r="AZ106" s="184"/>
      <c r="BA106" s="188"/>
      <c r="BB106" s="215"/>
      <c r="BC106" s="216"/>
      <c r="BD106" s="216"/>
      <c r="BE106" s="216"/>
      <c r="BF106" s="216"/>
      <c r="BG106" s="216"/>
      <c r="BH106" s="216"/>
      <c r="BI106" s="216"/>
      <c r="BJ106" s="184"/>
      <c r="BK106" s="184"/>
      <c r="BL106" s="184"/>
      <c r="BM106" s="184"/>
      <c r="BN106" s="184"/>
      <c r="BO106" s="184"/>
      <c r="BP106" s="184"/>
      <c r="BQ106" s="184"/>
      <c r="BR106" s="184"/>
      <c r="BS106" s="184"/>
      <c r="BT106" s="184"/>
      <c r="BU106" s="184"/>
      <c r="BV106" s="184"/>
      <c r="BW106" s="184"/>
      <c r="BX106" s="184"/>
      <c r="BY106" s="184"/>
      <c r="BZ106" s="184"/>
      <c r="CA106" s="184"/>
      <c r="CB106" s="184"/>
      <c r="CC106" s="184"/>
      <c r="CD106" s="184"/>
      <c r="CE106" s="184"/>
      <c r="CF106" s="184"/>
      <c r="CG106" s="184"/>
      <c r="CH106" s="184"/>
      <c r="CI106" s="184"/>
      <c r="CJ106" s="184"/>
      <c r="CK106" s="184"/>
      <c r="CL106" s="184"/>
      <c r="CM106" s="184"/>
      <c r="CN106" s="184"/>
      <c r="CO106" s="184"/>
      <c r="CP106" s="184"/>
      <c r="CQ106" s="185"/>
      <c r="CR106" s="30"/>
      <c r="CS106" s="30"/>
    </row>
    <row r="107" spans="1:97" s="8" customFormat="1" ht="6.75" customHeight="1" x14ac:dyDescent="0.55000000000000004">
      <c r="A107" s="211"/>
      <c r="B107" s="212"/>
      <c r="C107" s="212"/>
      <c r="D107" s="212"/>
      <c r="E107" s="212"/>
      <c r="F107" s="212"/>
      <c r="G107" s="212"/>
      <c r="H107" s="212"/>
      <c r="I107" s="212"/>
      <c r="J107" s="212"/>
      <c r="K107" s="212"/>
      <c r="L107" s="215" t="s">
        <v>32</v>
      </c>
      <c r="M107" s="216"/>
      <c r="N107" s="216"/>
      <c r="O107" s="216"/>
      <c r="P107" s="216"/>
      <c r="Q107" s="216"/>
      <c r="R107" s="216"/>
      <c r="S107" s="216"/>
      <c r="T107" s="184" t="s">
        <v>110</v>
      </c>
      <c r="U107" s="184"/>
      <c r="V107" s="184"/>
      <c r="W107" s="184"/>
      <c r="X107" s="184"/>
      <c r="Y107" s="184"/>
      <c r="Z107" s="184"/>
      <c r="AA107" s="184"/>
      <c r="AB107" s="184"/>
      <c r="AC107" s="184"/>
      <c r="AD107" s="184"/>
      <c r="AE107" s="184"/>
      <c r="AF107" s="184"/>
      <c r="AG107" s="184"/>
      <c r="AH107" s="184"/>
      <c r="AI107" s="184"/>
      <c r="AJ107" s="184"/>
      <c r="AK107" s="184"/>
      <c r="AL107" s="184"/>
      <c r="AM107" s="184"/>
      <c r="AN107" s="184"/>
      <c r="AO107" s="184"/>
      <c r="AP107" s="184"/>
      <c r="AQ107" s="184"/>
      <c r="AR107" s="184"/>
      <c r="AS107" s="184"/>
      <c r="AT107" s="184"/>
      <c r="AU107" s="184"/>
      <c r="AV107" s="184"/>
      <c r="AW107" s="184"/>
      <c r="AX107" s="184"/>
      <c r="AY107" s="184"/>
      <c r="AZ107" s="184"/>
      <c r="BA107" s="188"/>
      <c r="BB107" s="215" t="s">
        <v>33</v>
      </c>
      <c r="BC107" s="216"/>
      <c r="BD107" s="216"/>
      <c r="BE107" s="216"/>
      <c r="BF107" s="216"/>
      <c r="BG107" s="216"/>
      <c r="BH107" s="216"/>
      <c r="BI107" s="216"/>
      <c r="BJ107" s="184"/>
      <c r="BK107" s="184"/>
      <c r="BL107" s="184"/>
      <c r="BM107" s="184"/>
      <c r="BN107" s="184"/>
      <c r="BO107" s="184"/>
      <c r="BP107" s="184"/>
      <c r="BQ107" s="184"/>
      <c r="BR107" s="184"/>
      <c r="BS107" s="184"/>
      <c r="BT107" s="184"/>
      <c r="BU107" s="184"/>
      <c r="BV107" s="184"/>
      <c r="BW107" s="184"/>
      <c r="BX107" s="184"/>
      <c r="BY107" s="184"/>
      <c r="BZ107" s="184"/>
      <c r="CA107" s="184"/>
      <c r="CB107" s="184"/>
      <c r="CC107" s="184"/>
      <c r="CD107" s="184"/>
      <c r="CE107" s="184"/>
      <c r="CF107" s="184"/>
      <c r="CG107" s="184"/>
      <c r="CH107" s="184"/>
      <c r="CI107" s="184"/>
      <c r="CJ107" s="184"/>
      <c r="CK107" s="184"/>
      <c r="CL107" s="184"/>
      <c r="CM107" s="184"/>
      <c r="CN107" s="184"/>
      <c r="CO107" s="184"/>
      <c r="CP107" s="184"/>
      <c r="CQ107" s="185"/>
      <c r="CR107" s="30"/>
      <c r="CS107" s="30"/>
    </row>
    <row r="108" spans="1:97" s="8" customFormat="1" ht="6.75" customHeight="1" x14ac:dyDescent="0.55000000000000004">
      <c r="A108" s="211"/>
      <c r="B108" s="212"/>
      <c r="C108" s="212"/>
      <c r="D108" s="212"/>
      <c r="E108" s="212"/>
      <c r="F108" s="212"/>
      <c r="G108" s="212"/>
      <c r="H108" s="212"/>
      <c r="I108" s="212"/>
      <c r="J108" s="212"/>
      <c r="K108" s="212"/>
      <c r="L108" s="215"/>
      <c r="M108" s="216"/>
      <c r="N108" s="216"/>
      <c r="O108" s="216"/>
      <c r="P108" s="216"/>
      <c r="Q108" s="216"/>
      <c r="R108" s="216"/>
      <c r="S108" s="216"/>
      <c r="T108" s="184"/>
      <c r="U108" s="184"/>
      <c r="V108" s="184"/>
      <c r="W108" s="184"/>
      <c r="X108" s="184"/>
      <c r="Y108" s="184"/>
      <c r="Z108" s="184"/>
      <c r="AA108" s="184"/>
      <c r="AB108" s="184"/>
      <c r="AC108" s="184"/>
      <c r="AD108" s="184"/>
      <c r="AE108" s="184"/>
      <c r="AF108" s="184"/>
      <c r="AG108" s="184"/>
      <c r="AH108" s="184"/>
      <c r="AI108" s="184"/>
      <c r="AJ108" s="184"/>
      <c r="AK108" s="184"/>
      <c r="AL108" s="184"/>
      <c r="AM108" s="184"/>
      <c r="AN108" s="184"/>
      <c r="AO108" s="184"/>
      <c r="AP108" s="184"/>
      <c r="AQ108" s="184"/>
      <c r="AR108" s="184"/>
      <c r="AS108" s="184"/>
      <c r="AT108" s="184"/>
      <c r="AU108" s="184"/>
      <c r="AV108" s="184"/>
      <c r="AW108" s="184"/>
      <c r="AX108" s="184"/>
      <c r="AY108" s="184"/>
      <c r="AZ108" s="184"/>
      <c r="BA108" s="188"/>
      <c r="BB108" s="215"/>
      <c r="BC108" s="216"/>
      <c r="BD108" s="216"/>
      <c r="BE108" s="216"/>
      <c r="BF108" s="216"/>
      <c r="BG108" s="216"/>
      <c r="BH108" s="216"/>
      <c r="BI108" s="216"/>
      <c r="BJ108" s="184"/>
      <c r="BK108" s="184"/>
      <c r="BL108" s="184"/>
      <c r="BM108" s="184"/>
      <c r="BN108" s="184"/>
      <c r="BO108" s="184"/>
      <c r="BP108" s="184"/>
      <c r="BQ108" s="184"/>
      <c r="BR108" s="184"/>
      <c r="BS108" s="184"/>
      <c r="BT108" s="184"/>
      <c r="BU108" s="184"/>
      <c r="BV108" s="184"/>
      <c r="BW108" s="184"/>
      <c r="BX108" s="184"/>
      <c r="BY108" s="184"/>
      <c r="BZ108" s="184"/>
      <c r="CA108" s="184"/>
      <c r="CB108" s="184"/>
      <c r="CC108" s="184"/>
      <c r="CD108" s="184"/>
      <c r="CE108" s="184"/>
      <c r="CF108" s="184"/>
      <c r="CG108" s="184"/>
      <c r="CH108" s="184"/>
      <c r="CI108" s="184"/>
      <c r="CJ108" s="184"/>
      <c r="CK108" s="184"/>
      <c r="CL108" s="184"/>
      <c r="CM108" s="184"/>
      <c r="CN108" s="184"/>
      <c r="CO108" s="184"/>
      <c r="CP108" s="184"/>
      <c r="CQ108" s="185"/>
      <c r="CR108" s="30"/>
      <c r="CS108" s="30"/>
    </row>
    <row r="109" spans="1:97" s="8" customFormat="1" ht="6.75" customHeight="1" x14ac:dyDescent="0.55000000000000004">
      <c r="A109" s="211"/>
      <c r="B109" s="212"/>
      <c r="C109" s="212"/>
      <c r="D109" s="212"/>
      <c r="E109" s="212"/>
      <c r="F109" s="212"/>
      <c r="G109" s="212"/>
      <c r="H109" s="212"/>
      <c r="I109" s="212"/>
      <c r="J109" s="212"/>
      <c r="K109" s="212"/>
      <c r="L109" s="215"/>
      <c r="M109" s="216"/>
      <c r="N109" s="216"/>
      <c r="O109" s="216"/>
      <c r="P109" s="216"/>
      <c r="Q109" s="216"/>
      <c r="R109" s="216"/>
      <c r="S109" s="216"/>
      <c r="T109" s="184"/>
      <c r="U109" s="184"/>
      <c r="V109" s="184"/>
      <c r="W109" s="184"/>
      <c r="X109" s="184"/>
      <c r="Y109" s="184"/>
      <c r="Z109" s="184"/>
      <c r="AA109" s="184"/>
      <c r="AB109" s="184"/>
      <c r="AC109" s="184"/>
      <c r="AD109" s="184"/>
      <c r="AE109" s="184"/>
      <c r="AF109" s="184"/>
      <c r="AG109" s="184"/>
      <c r="AH109" s="184"/>
      <c r="AI109" s="184"/>
      <c r="AJ109" s="184"/>
      <c r="AK109" s="184"/>
      <c r="AL109" s="184"/>
      <c r="AM109" s="184"/>
      <c r="AN109" s="184"/>
      <c r="AO109" s="184"/>
      <c r="AP109" s="184"/>
      <c r="AQ109" s="184"/>
      <c r="AR109" s="184"/>
      <c r="AS109" s="184"/>
      <c r="AT109" s="184"/>
      <c r="AU109" s="184"/>
      <c r="AV109" s="184"/>
      <c r="AW109" s="184"/>
      <c r="AX109" s="184"/>
      <c r="AY109" s="184"/>
      <c r="AZ109" s="184"/>
      <c r="BA109" s="188"/>
      <c r="BB109" s="215"/>
      <c r="BC109" s="216"/>
      <c r="BD109" s="216"/>
      <c r="BE109" s="216"/>
      <c r="BF109" s="216"/>
      <c r="BG109" s="216"/>
      <c r="BH109" s="216"/>
      <c r="BI109" s="216"/>
      <c r="BJ109" s="184"/>
      <c r="BK109" s="184"/>
      <c r="BL109" s="184"/>
      <c r="BM109" s="184"/>
      <c r="BN109" s="184"/>
      <c r="BO109" s="184"/>
      <c r="BP109" s="184"/>
      <c r="BQ109" s="184"/>
      <c r="BR109" s="184"/>
      <c r="BS109" s="184"/>
      <c r="BT109" s="184"/>
      <c r="BU109" s="184"/>
      <c r="BV109" s="184"/>
      <c r="BW109" s="184"/>
      <c r="BX109" s="184"/>
      <c r="BY109" s="184"/>
      <c r="BZ109" s="184"/>
      <c r="CA109" s="184"/>
      <c r="CB109" s="184"/>
      <c r="CC109" s="184"/>
      <c r="CD109" s="184"/>
      <c r="CE109" s="184"/>
      <c r="CF109" s="184"/>
      <c r="CG109" s="184"/>
      <c r="CH109" s="184"/>
      <c r="CI109" s="184"/>
      <c r="CJ109" s="184"/>
      <c r="CK109" s="184"/>
      <c r="CL109" s="184"/>
      <c r="CM109" s="184"/>
      <c r="CN109" s="184"/>
      <c r="CO109" s="184"/>
      <c r="CP109" s="184"/>
      <c r="CQ109" s="185"/>
      <c r="CR109" s="31"/>
      <c r="CS109" s="31"/>
    </row>
    <row r="110" spans="1:97" s="8" customFormat="1" ht="6.75" customHeight="1" x14ac:dyDescent="0.55000000000000004">
      <c r="A110" s="211"/>
      <c r="B110" s="212"/>
      <c r="C110" s="212"/>
      <c r="D110" s="212"/>
      <c r="E110" s="212"/>
      <c r="F110" s="212"/>
      <c r="G110" s="212"/>
      <c r="H110" s="212"/>
      <c r="I110" s="212"/>
      <c r="J110" s="212"/>
      <c r="K110" s="212"/>
      <c r="L110" s="215"/>
      <c r="M110" s="216"/>
      <c r="N110" s="216"/>
      <c r="O110" s="216"/>
      <c r="P110" s="216"/>
      <c r="Q110" s="216"/>
      <c r="R110" s="216"/>
      <c r="S110" s="216"/>
      <c r="T110" s="184"/>
      <c r="U110" s="184"/>
      <c r="V110" s="184"/>
      <c r="W110" s="184"/>
      <c r="X110" s="184"/>
      <c r="Y110" s="184"/>
      <c r="Z110" s="184"/>
      <c r="AA110" s="184"/>
      <c r="AB110" s="184"/>
      <c r="AC110" s="184"/>
      <c r="AD110" s="184"/>
      <c r="AE110" s="184"/>
      <c r="AF110" s="184"/>
      <c r="AG110" s="184"/>
      <c r="AH110" s="184"/>
      <c r="AI110" s="184"/>
      <c r="AJ110" s="184"/>
      <c r="AK110" s="184"/>
      <c r="AL110" s="184"/>
      <c r="AM110" s="184"/>
      <c r="AN110" s="184"/>
      <c r="AO110" s="184"/>
      <c r="AP110" s="184"/>
      <c r="AQ110" s="184"/>
      <c r="AR110" s="184"/>
      <c r="AS110" s="184"/>
      <c r="AT110" s="184"/>
      <c r="AU110" s="184"/>
      <c r="AV110" s="184"/>
      <c r="AW110" s="184"/>
      <c r="AX110" s="184"/>
      <c r="AY110" s="184"/>
      <c r="AZ110" s="184"/>
      <c r="BA110" s="188"/>
      <c r="BB110" s="215"/>
      <c r="BC110" s="216"/>
      <c r="BD110" s="216"/>
      <c r="BE110" s="216"/>
      <c r="BF110" s="216"/>
      <c r="BG110" s="216"/>
      <c r="BH110" s="216"/>
      <c r="BI110" s="216"/>
      <c r="BJ110" s="184"/>
      <c r="BK110" s="184"/>
      <c r="BL110" s="184"/>
      <c r="BM110" s="184"/>
      <c r="BN110" s="184"/>
      <c r="BO110" s="184"/>
      <c r="BP110" s="184"/>
      <c r="BQ110" s="184"/>
      <c r="BR110" s="184"/>
      <c r="BS110" s="184"/>
      <c r="BT110" s="184"/>
      <c r="BU110" s="184"/>
      <c r="BV110" s="184"/>
      <c r="BW110" s="184"/>
      <c r="BX110" s="184"/>
      <c r="BY110" s="184"/>
      <c r="BZ110" s="184"/>
      <c r="CA110" s="184"/>
      <c r="CB110" s="184"/>
      <c r="CC110" s="184"/>
      <c r="CD110" s="184"/>
      <c r="CE110" s="184"/>
      <c r="CF110" s="184"/>
      <c r="CG110" s="184"/>
      <c r="CH110" s="184"/>
      <c r="CI110" s="184"/>
      <c r="CJ110" s="184"/>
      <c r="CK110" s="184"/>
      <c r="CL110" s="184"/>
      <c r="CM110" s="184"/>
      <c r="CN110" s="184"/>
      <c r="CO110" s="184"/>
      <c r="CP110" s="184"/>
      <c r="CQ110" s="185"/>
      <c r="CR110" s="31"/>
      <c r="CS110" s="31"/>
    </row>
    <row r="111" spans="1:97" s="8" customFormat="1" ht="6.75" customHeight="1" x14ac:dyDescent="0.55000000000000004">
      <c r="A111" s="211"/>
      <c r="B111" s="212"/>
      <c r="C111" s="212"/>
      <c r="D111" s="212"/>
      <c r="E111" s="212"/>
      <c r="F111" s="212"/>
      <c r="G111" s="212"/>
      <c r="H111" s="212"/>
      <c r="I111" s="212"/>
      <c r="J111" s="212"/>
      <c r="K111" s="212"/>
      <c r="L111" s="215"/>
      <c r="M111" s="216"/>
      <c r="N111" s="216"/>
      <c r="O111" s="216"/>
      <c r="P111" s="216"/>
      <c r="Q111" s="216"/>
      <c r="R111" s="216"/>
      <c r="S111" s="216"/>
      <c r="T111" s="184"/>
      <c r="U111" s="184"/>
      <c r="V111" s="184"/>
      <c r="W111" s="184"/>
      <c r="X111" s="184"/>
      <c r="Y111" s="184"/>
      <c r="Z111" s="184"/>
      <c r="AA111" s="184"/>
      <c r="AB111" s="184"/>
      <c r="AC111" s="184"/>
      <c r="AD111" s="184"/>
      <c r="AE111" s="184"/>
      <c r="AF111" s="184"/>
      <c r="AG111" s="184"/>
      <c r="AH111" s="184"/>
      <c r="AI111" s="184"/>
      <c r="AJ111" s="184"/>
      <c r="AK111" s="184"/>
      <c r="AL111" s="184"/>
      <c r="AM111" s="184"/>
      <c r="AN111" s="184"/>
      <c r="AO111" s="184"/>
      <c r="AP111" s="184"/>
      <c r="AQ111" s="184"/>
      <c r="AR111" s="184"/>
      <c r="AS111" s="184"/>
      <c r="AT111" s="184"/>
      <c r="AU111" s="184"/>
      <c r="AV111" s="184"/>
      <c r="AW111" s="184"/>
      <c r="AX111" s="184"/>
      <c r="AY111" s="184"/>
      <c r="AZ111" s="184"/>
      <c r="BA111" s="188"/>
      <c r="BB111" s="215"/>
      <c r="BC111" s="216"/>
      <c r="BD111" s="216"/>
      <c r="BE111" s="216"/>
      <c r="BF111" s="216"/>
      <c r="BG111" s="216"/>
      <c r="BH111" s="216"/>
      <c r="BI111" s="216"/>
      <c r="BJ111" s="184"/>
      <c r="BK111" s="184"/>
      <c r="BL111" s="184"/>
      <c r="BM111" s="184"/>
      <c r="BN111" s="184"/>
      <c r="BO111" s="184"/>
      <c r="BP111" s="184"/>
      <c r="BQ111" s="184"/>
      <c r="BR111" s="184"/>
      <c r="BS111" s="184"/>
      <c r="BT111" s="184"/>
      <c r="BU111" s="184"/>
      <c r="BV111" s="184"/>
      <c r="BW111" s="184"/>
      <c r="BX111" s="184"/>
      <c r="BY111" s="184"/>
      <c r="BZ111" s="184"/>
      <c r="CA111" s="184"/>
      <c r="CB111" s="184"/>
      <c r="CC111" s="184"/>
      <c r="CD111" s="184"/>
      <c r="CE111" s="184"/>
      <c r="CF111" s="184"/>
      <c r="CG111" s="184"/>
      <c r="CH111" s="184"/>
      <c r="CI111" s="184"/>
      <c r="CJ111" s="184"/>
      <c r="CK111" s="184"/>
      <c r="CL111" s="184"/>
      <c r="CM111" s="184"/>
      <c r="CN111" s="184"/>
      <c r="CO111" s="184"/>
      <c r="CP111" s="184"/>
      <c r="CQ111" s="185"/>
      <c r="CR111" s="33"/>
      <c r="CS111" s="14"/>
    </row>
    <row r="112" spans="1:97" s="8" customFormat="1" ht="6.75" customHeight="1" x14ac:dyDescent="0.55000000000000004">
      <c r="A112" s="211"/>
      <c r="B112" s="212"/>
      <c r="C112" s="212"/>
      <c r="D112" s="212"/>
      <c r="E112" s="212"/>
      <c r="F112" s="212"/>
      <c r="G112" s="212"/>
      <c r="H112" s="212"/>
      <c r="I112" s="212"/>
      <c r="J112" s="212"/>
      <c r="K112" s="212"/>
      <c r="L112" s="267"/>
      <c r="M112" s="268"/>
      <c r="N112" s="268"/>
      <c r="O112" s="268"/>
      <c r="P112" s="268"/>
      <c r="Q112" s="268"/>
      <c r="R112" s="268"/>
      <c r="S112" s="268"/>
      <c r="T112" s="186"/>
      <c r="U112" s="186"/>
      <c r="V112" s="186"/>
      <c r="W112" s="186"/>
      <c r="X112" s="186"/>
      <c r="Y112" s="186"/>
      <c r="Z112" s="186"/>
      <c r="AA112" s="186"/>
      <c r="AB112" s="186"/>
      <c r="AC112" s="186"/>
      <c r="AD112" s="186"/>
      <c r="AE112" s="186"/>
      <c r="AF112" s="186"/>
      <c r="AG112" s="186"/>
      <c r="AH112" s="186"/>
      <c r="AI112" s="186"/>
      <c r="AJ112" s="186"/>
      <c r="AK112" s="186"/>
      <c r="AL112" s="186"/>
      <c r="AM112" s="186"/>
      <c r="AN112" s="186"/>
      <c r="AO112" s="186"/>
      <c r="AP112" s="186"/>
      <c r="AQ112" s="186"/>
      <c r="AR112" s="186"/>
      <c r="AS112" s="186"/>
      <c r="AT112" s="186"/>
      <c r="AU112" s="186"/>
      <c r="AV112" s="186"/>
      <c r="AW112" s="186"/>
      <c r="AX112" s="186"/>
      <c r="AY112" s="186"/>
      <c r="AZ112" s="186"/>
      <c r="BA112" s="217"/>
      <c r="BB112" s="267"/>
      <c r="BC112" s="268"/>
      <c r="BD112" s="268"/>
      <c r="BE112" s="268"/>
      <c r="BF112" s="268"/>
      <c r="BG112" s="268"/>
      <c r="BH112" s="268"/>
      <c r="BI112" s="268"/>
      <c r="BJ112" s="186"/>
      <c r="BK112" s="186"/>
      <c r="BL112" s="186"/>
      <c r="BM112" s="186"/>
      <c r="BN112" s="186"/>
      <c r="BO112" s="186"/>
      <c r="BP112" s="186"/>
      <c r="BQ112" s="186"/>
      <c r="BR112" s="186"/>
      <c r="BS112" s="186"/>
      <c r="BT112" s="186"/>
      <c r="BU112" s="186"/>
      <c r="BV112" s="186"/>
      <c r="BW112" s="186"/>
      <c r="BX112" s="186"/>
      <c r="BY112" s="186"/>
      <c r="BZ112" s="186"/>
      <c r="CA112" s="186"/>
      <c r="CB112" s="186"/>
      <c r="CC112" s="186"/>
      <c r="CD112" s="186"/>
      <c r="CE112" s="186"/>
      <c r="CF112" s="186"/>
      <c r="CG112" s="186"/>
      <c r="CH112" s="186"/>
      <c r="CI112" s="186"/>
      <c r="CJ112" s="186"/>
      <c r="CK112" s="186"/>
      <c r="CL112" s="186"/>
      <c r="CM112" s="186"/>
      <c r="CN112" s="186"/>
      <c r="CO112" s="186"/>
      <c r="CP112" s="186"/>
      <c r="CQ112" s="187"/>
      <c r="CR112" s="33"/>
      <c r="CS112" s="14"/>
    </row>
    <row r="113" spans="1:97" s="8" customFormat="1" ht="9" customHeight="1" x14ac:dyDescent="0.55000000000000004">
      <c r="A113" s="211"/>
      <c r="B113" s="212"/>
      <c r="C113" s="212"/>
      <c r="D113" s="212"/>
      <c r="E113" s="212"/>
      <c r="F113" s="212"/>
      <c r="G113" s="212"/>
      <c r="H113" s="212"/>
      <c r="I113" s="212"/>
      <c r="J113" s="212"/>
      <c r="K113" s="212"/>
      <c r="L113" s="261" t="s">
        <v>175</v>
      </c>
      <c r="M113" s="261"/>
      <c r="N113" s="261"/>
      <c r="O113" s="261"/>
      <c r="P113" s="261"/>
      <c r="Q113" s="261"/>
      <c r="R113" s="261"/>
      <c r="S113" s="261"/>
      <c r="T113" s="261"/>
      <c r="U113" s="261"/>
      <c r="V113" s="261"/>
      <c r="W113" s="261"/>
      <c r="X113" s="261"/>
      <c r="Y113" s="261"/>
      <c r="Z113" s="261"/>
      <c r="AA113" s="261"/>
      <c r="AB113" s="261"/>
      <c r="AC113" s="261"/>
      <c r="AD113" s="261"/>
      <c r="AE113" s="261"/>
      <c r="AF113" s="261"/>
      <c r="AG113" s="261"/>
      <c r="AH113" s="261"/>
      <c r="AI113" s="261"/>
      <c r="AJ113" s="261"/>
      <c r="AK113" s="261"/>
      <c r="AL113" s="261"/>
      <c r="AM113" s="261"/>
      <c r="AN113" s="261"/>
      <c r="AO113" s="261"/>
      <c r="AP113" s="261"/>
      <c r="AQ113" s="261"/>
      <c r="AR113" s="261"/>
      <c r="AS113" s="261"/>
      <c r="AT113" s="261"/>
      <c r="AU113" s="261"/>
      <c r="AV113" s="261"/>
      <c r="AW113" s="261"/>
      <c r="AX113" s="261"/>
      <c r="AY113" s="261"/>
      <c r="AZ113" s="261"/>
      <c r="BA113" s="261"/>
      <c r="BB113" s="261"/>
      <c r="BC113" s="261"/>
      <c r="BD113" s="261"/>
      <c r="BE113" s="261"/>
      <c r="BF113" s="261"/>
      <c r="BG113" s="261"/>
      <c r="BH113" s="261"/>
      <c r="BI113" s="261"/>
      <c r="BJ113" s="261"/>
      <c r="BK113" s="261"/>
      <c r="BL113" s="261"/>
      <c r="BM113" s="261"/>
      <c r="BN113" s="261"/>
      <c r="BO113" s="261"/>
      <c r="BP113" s="261"/>
      <c r="BQ113" s="261"/>
      <c r="BR113" s="261"/>
      <c r="BS113" s="261"/>
      <c r="BT113" s="261"/>
      <c r="BU113" s="261"/>
      <c r="BV113" s="261"/>
      <c r="BW113" s="261"/>
      <c r="BX113" s="261"/>
      <c r="BY113" s="261"/>
      <c r="BZ113" s="261"/>
      <c r="CA113" s="261"/>
      <c r="CB113" s="261"/>
      <c r="CC113" s="261"/>
      <c r="CD113" s="261"/>
      <c r="CE113" s="261"/>
      <c r="CF113" s="261"/>
      <c r="CG113" s="261"/>
      <c r="CH113" s="261"/>
      <c r="CI113" s="261"/>
      <c r="CJ113" s="261"/>
      <c r="CK113" s="261"/>
      <c r="CL113" s="261"/>
      <c r="CM113" s="261"/>
      <c r="CN113" s="261"/>
      <c r="CO113" s="261"/>
      <c r="CP113" s="261"/>
      <c r="CQ113" s="262"/>
      <c r="CR113" s="33"/>
      <c r="CS113" s="14"/>
    </row>
    <row r="114" spans="1:97" s="8" customFormat="1" ht="9" customHeight="1" x14ac:dyDescent="0.55000000000000004">
      <c r="A114" s="211"/>
      <c r="B114" s="212"/>
      <c r="C114" s="212"/>
      <c r="D114" s="212"/>
      <c r="E114" s="212"/>
      <c r="F114" s="212"/>
      <c r="G114" s="212"/>
      <c r="H114" s="212"/>
      <c r="I114" s="212"/>
      <c r="J114" s="212"/>
      <c r="K114" s="212"/>
      <c r="L114" s="261"/>
      <c r="M114" s="261"/>
      <c r="N114" s="261"/>
      <c r="O114" s="261"/>
      <c r="P114" s="261"/>
      <c r="Q114" s="261"/>
      <c r="R114" s="261"/>
      <c r="S114" s="261"/>
      <c r="T114" s="261"/>
      <c r="U114" s="261"/>
      <c r="V114" s="261"/>
      <c r="W114" s="261"/>
      <c r="X114" s="261"/>
      <c r="Y114" s="261"/>
      <c r="Z114" s="261"/>
      <c r="AA114" s="261"/>
      <c r="AB114" s="261"/>
      <c r="AC114" s="261"/>
      <c r="AD114" s="261"/>
      <c r="AE114" s="261"/>
      <c r="AF114" s="261"/>
      <c r="AG114" s="261"/>
      <c r="AH114" s="261"/>
      <c r="AI114" s="261"/>
      <c r="AJ114" s="261"/>
      <c r="AK114" s="261"/>
      <c r="AL114" s="261"/>
      <c r="AM114" s="261"/>
      <c r="AN114" s="261"/>
      <c r="AO114" s="261"/>
      <c r="AP114" s="261"/>
      <c r="AQ114" s="261"/>
      <c r="AR114" s="261"/>
      <c r="AS114" s="261"/>
      <c r="AT114" s="261"/>
      <c r="AU114" s="261"/>
      <c r="AV114" s="261"/>
      <c r="AW114" s="261"/>
      <c r="AX114" s="261"/>
      <c r="AY114" s="261"/>
      <c r="AZ114" s="261"/>
      <c r="BA114" s="261"/>
      <c r="BB114" s="261"/>
      <c r="BC114" s="261"/>
      <c r="BD114" s="261"/>
      <c r="BE114" s="261"/>
      <c r="BF114" s="261"/>
      <c r="BG114" s="261"/>
      <c r="BH114" s="261"/>
      <c r="BI114" s="261"/>
      <c r="BJ114" s="261"/>
      <c r="BK114" s="261"/>
      <c r="BL114" s="261"/>
      <c r="BM114" s="261"/>
      <c r="BN114" s="261"/>
      <c r="BO114" s="261"/>
      <c r="BP114" s="261"/>
      <c r="BQ114" s="261"/>
      <c r="BR114" s="261"/>
      <c r="BS114" s="261"/>
      <c r="BT114" s="261"/>
      <c r="BU114" s="261"/>
      <c r="BV114" s="261"/>
      <c r="BW114" s="261"/>
      <c r="BX114" s="261"/>
      <c r="BY114" s="261"/>
      <c r="BZ114" s="261"/>
      <c r="CA114" s="261"/>
      <c r="CB114" s="261"/>
      <c r="CC114" s="261"/>
      <c r="CD114" s="261"/>
      <c r="CE114" s="261"/>
      <c r="CF114" s="261"/>
      <c r="CG114" s="261"/>
      <c r="CH114" s="261"/>
      <c r="CI114" s="261"/>
      <c r="CJ114" s="261"/>
      <c r="CK114" s="261"/>
      <c r="CL114" s="261"/>
      <c r="CM114" s="261"/>
      <c r="CN114" s="261"/>
      <c r="CO114" s="261"/>
      <c r="CP114" s="261"/>
      <c r="CQ114" s="262"/>
      <c r="CR114" s="33"/>
      <c r="CS114" s="14"/>
    </row>
    <row r="115" spans="1:97" s="8" customFormat="1" ht="9" customHeight="1" x14ac:dyDescent="0.55000000000000004">
      <c r="A115" s="211"/>
      <c r="B115" s="212"/>
      <c r="C115" s="212"/>
      <c r="D115" s="212"/>
      <c r="E115" s="212"/>
      <c r="F115" s="212"/>
      <c r="G115" s="212"/>
      <c r="H115" s="212"/>
      <c r="I115" s="212"/>
      <c r="J115" s="212"/>
      <c r="K115" s="212"/>
      <c r="L115" s="261"/>
      <c r="M115" s="261"/>
      <c r="N115" s="261"/>
      <c r="O115" s="261"/>
      <c r="P115" s="261"/>
      <c r="Q115" s="261"/>
      <c r="R115" s="261"/>
      <c r="S115" s="261"/>
      <c r="T115" s="261"/>
      <c r="U115" s="261"/>
      <c r="V115" s="261"/>
      <c r="W115" s="261"/>
      <c r="X115" s="261"/>
      <c r="Y115" s="261"/>
      <c r="Z115" s="261"/>
      <c r="AA115" s="261"/>
      <c r="AB115" s="261"/>
      <c r="AC115" s="261"/>
      <c r="AD115" s="261"/>
      <c r="AE115" s="261"/>
      <c r="AF115" s="261"/>
      <c r="AG115" s="261"/>
      <c r="AH115" s="261"/>
      <c r="AI115" s="261"/>
      <c r="AJ115" s="261"/>
      <c r="AK115" s="261"/>
      <c r="AL115" s="261"/>
      <c r="AM115" s="261"/>
      <c r="AN115" s="261"/>
      <c r="AO115" s="261"/>
      <c r="AP115" s="261"/>
      <c r="AQ115" s="261"/>
      <c r="AR115" s="261"/>
      <c r="AS115" s="261"/>
      <c r="AT115" s="261"/>
      <c r="AU115" s="261"/>
      <c r="AV115" s="261"/>
      <c r="AW115" s="261"/>
      <c r="AX115" s="261"/>
      <c r="AY115" s="261"/>
      <c r="AZ115" s="261"/>
      <c r="BA115" s="261"/>
      <c r="BB115" s="261"/>
      <c r="BC115" s="261"/>
      <c r="BD115" s="261"/>
      <c r="BE115" s="261"/>
      <c r="BF115" s="261"/>
      <c r="BG115" s="261"/>
      <c r="BH115" s="261"/>
      <c r="BI115" s="261"/>
      <c r="BJ115" s="261"/>
      <c r="BK115" s="261"/>
      <c r="BL115" s="261"/>
      <c r="BM115" s="261"/>
      <c r="BN115" s="261"/>
      <c r="BO115" s="261"/>
      <c r="BP115" s="261"/>
      <c r="BQ115" s="261"/>
      <c r="BR115" s="261"/>
      <c r="BS115" s="261"/>
      <c r="BT115" s="261"/>
      <c r="BU115" s="261"/>
      <c r="BV115" s="261"/>
      <c r="BW115" s="261"/>
      <c r="BX115" s="261"/>
      <c r="BY115" s="261"/>
      <c r="BZ115" s="261"/>
      <c r="CA115" s="261"/>
      <c r="CB115" s="261"/>
      <c r="CC115" s="261"/>
      <c r="CD115" s="261"/>
      <c r="CE115" s="261"/>
      <c r="CF115" s="261"/>
      <c r="CG115" s="261"/>
      <c r="CH115" s="261"/>
      <c r="CI115" s="261"/>
      <c r="CJ115" s="261"/>
      <c r="CK115" s="261"/>
      <c r="CL115" s="261"/>
      <c r="CM115" s="261"/>
      <c r="CN115" s="261"/>
      <c r="CO115" s="261"/>
      <c r="CP115" s="261"/>
      <c r="CQ115" s="262"/>
      <c r="CR115" s="31"/>
      <c r="CS115" s="14"/>
    </row>
    <row r="116" spans="1:97" s="8" customFormat="1" ht="9" customHeight="1" x14ac:dyDescent="0.55000000000000004">
      <c r="A116" s="211"/>
      <c r="B116" s="212"/>
      <c r="C116" s="212"/>
      <c r="D116" s="212"/>
      <c r="E116" s="212"/>
      <c r="F116" s="212"/>
      <c r="G116" s="212"/>
      <c r="H116" s="212"/>
      <c r="I116" s="212"/>
      <c r="J116" s="212"/>
      <c r="K116" s="212"/>
      <c r="L116" s="261"/>
      <c r="M116" s="261"/>
      <c r="N116" s="261"/>
      <c r="O116" s="261"/>
      <c r="P116" s="261"/>
      <c r="Q116" s="261"/>
      <c r="R116" s="261"/>
      <c r="S116" s="261"/>
      <c r="T116" s="261"/>
      <c r="U116" s="261"/>
      <c r="V116" s="261"/>
      <c r="W116" s="261"/>
      <c r="X116" s="261"/>
      <c r="Y116" s="261"/>
      <c r="Z116" s="261"/>
      <c r="AA116" s="261"/>
      <c r="AB116" s="261"/>
      <c r="AC116" s="261"/>
      <c r="AD116" s="261"/>
      <c r="AE116" s="261"/>
      <c r="AF116" s="261"/>
      <c r="AG116" s="261"/>
      <c r="AH116" s="261"/>
      <c r="AI116" s="261"/>
      <c r="AJ116" s="261"/>
      <c r="AK116" s="261"/>
      <c r="AL116" s="261"/>
      <c r="AM116" s="261"/>
      <c r="AN116" s="261"/>
      <c r="AO116" s="261"/>
      <c r="AP116" s="261"/>
      <c r="AQ116" s="261"/>
      <c r="AR116" s="261"/>
      <c r="AS116" s="261"/>
      <c r="AT116" s="261"/>
      <c r="AU116" s="261"/>
      <c r="AV116" s="261"/>
      <c r="AW116" s="261"/>
      <c r="AX116" s="261"/>
      <c r="AY116" s="261"/>
      <c r="AZ116" s="261"/>
      <c r="BA116" s="261"/>
      <c r="BB116" s="261"/>
      <c r="BC116" s="261"/>
      <c r="BD116" s="261"/>
      <c r="BE116" s="261"/>
      <c r="BF116" s="261"/>
      <c r="BG116" s="261"/>
      <c r="BH116" s="261"/>
      <c r="BI116" s="261"/>
      <c r="BJ116" s="261"/>
      <c r="BK116" s="261"/>
      <c r="BL116" s="261"/>
      <c r="BM116" s="261"/>
      <c r="BN116" s="261"/>
      <c r="BO116" s="261"/>
      <c r="BP116" s="261"/>
      <c r="BQ116" s="261"/>
      <c r="BR116" s="261"/>
      <c r="BS116" s="261"/>
      <c r="BT116" s="261"/>
      <c r="BU116" s="261"/>
      <c r="BV116" s="261"/>
      <c r="BW116" s="261"/>
      <c r="BX116" s="261"/>
      <c r="BY116" s="261"/>
      <c r="BZ116" s="261"/>
      <c r="CA116" s="261"/>
      <c r="CB116" s="261"/>
      <c r="CC116" s="261"/>
      <c r="CD116" s="261"/>
      <c r="CE116" s="261"/>
      <c r="CF116" s="261"/>
      <c r="CG116" s="261"/>
      <c r="CH116" s="261"/>
      <c r="CI116" s="261"/>
      <c r="CJ116" s="261"/>
      <c r="CK116" s="261"/>
      <c r="CL116" s="261"/>
      <c r="CM116" s="261"/>
      <c r="CN116" s="261"/>
      <c r="CO116" s="261"/>
      <c r="CP116" s="261"/>
      <c r="CQ116" s="262"/>
      <c r="CR116" s="31"/>
      <c r="CS116" s="14"/>
    </row>
    <row r="117" spans="1:97" s="8" customFormat="1" ht="6.75" customHeight="1" x14ac:dyDescent="0.55000000000000004">
      <c r="A117" s="247" t="s">
        <v>34</v>
      </c>
      <c r="B117" s="248"/>
      <c r="C117" s="248"/>
      <c r="D117" s="248"/>
      <c r="E117" s="248"/>
      <c r="F117" s="248"/>
      <c r="G117" s="248"/>
      <c r="H117" s="248"/>
      <c r="I117" s="248"/>
      <c r="J117" s="248"/>
      <c r="K117" s="248"/>
      <c r="L117" s="249" t="s">
        <v>176</v>
      </c>
      <c r="M117" s="249"/>
      <c r="N117" s="249"/>
      <c r="O117" s="249"/>
      <c r="P117" s="249"/>
      <c r="Q117" s="249"/>
      <c r="R117" s="249"/>
      <c r="S117" s="249"/>
      <c r="T117" s="249"/>
      <c r="U117" s="249"/>
      <c r="V117" s="249"/>
      <c r="W117" s="249"/>
      <c r="X117" s="249"/>
      <c r="Y117" s="249"/>
      <c r="Z117" s="249"/>
      <c r="AA117" s="249"/>
      <c r="AB117" s="249"/>
      <c r="AC117" s="249"/>
      <c r="AD117" s="249"/>
      <c r="AE117" s="249"/>
      <c r="AF117" s="249"/>
      <c r="AG117" s="249"/>
      <c r="AH117" s="249"/>
      <c r="AI117" s="249"/>
      <c r="AJ117" s="249"/>
      <c r="AK117" s="249"/>
      <c r="AL117" s="249"/>
      <c r="AM117" s="249"/>
      <c r="AN117" s="249"/>
      <c r="AO117" s="249"/>
      <c r="AP117" s="249"/>
      <c r="AQ117" s="249"/>
      <c r="AR117" s="249"/>
      <c r="AS117" s="249"/>
      <c r="AT117" s="249"/>
      <c r="AU117" s="249"/>
      <c r="AV117" s="248" t="s">
        <v>35</v>
      </c>
      <c r="AW117" s="248"/>
      <c r="AX117" s="248"/>
      <c r="AY117" s="248"/>
      <c r="AZ117" s="248"/>
      <c r="BA117" s="248"/>
      <c r="BB117" s="248"/>
      <c r="BC117" s="248"/>
      <c r="BD117" s="248"/>
      <c r="BE117" s="250"/>
      <c r="BF117" s="250"/>
      <c r="BG117" s="250"/>
      <c r="BH117" s="250"/>
      <c r="BI117" s="250"/>
      <c r="BJ117" s="249" t="s">
        <v>177</v>
      </c>
      <c r="BK117" s="249"/>
      <c r="BL117" s="249"/>
      <c r="BM117" s="249"/>
      <c r="BN117" s="249"/>
      <c r="BO117" s="249"/>
      <c r="BP117" s="249"/>
      <c r="BQ117" s="249"/>
      <c r="BR117" s="249"/>
      <c r="BS117" s="249"/>
      <c r="BT117" s="249"/>
      <c r="BU117" s="249"/>
      <c r="BV117" s="249"/>
      <c r="BW117" s="249"/>
      <c r="BX117" s="249"/>
      <c r="BY117" s="249"/>
      <c r="BZ117" s="249"/>
      <c r="CA117" s="249"/>
      <c r="CB117" s="249"/>
      <c r="CC117" s="249"/>
      <c r="CD117" s="249"/>
      <c r="CE117" s="249"/>
      <c r="CF117" s="249"/>
      <c r="CG117" s="249"/>
      <c r="CH117" s="249"/>
      <c r="CI117" s="249"/>
      <c r="CJ117" s="249"/>
      <c r="CK117" s="249"/>
      <c r="CL117" s="249"/>
      <c r="CM117" s="249"/>
      <c r="CN117" s="249"/>
      <c r="CO117" s="249"/>
      <c r="CP117" s="249"/>
      <c r="CQ117" s="251"/>
    </row>
    <row r="118" spans="1:97" s="8" customFormat="1" ht="6.75" customHeight="1" x14ac:dyDescent="0.55000000000000004">
      <c r="A118" s="247"/>
      <c r="B118" s="248"/>
      <c r="C118" s="248"/>
      <c r="D118" s="248"/>
      <c r="E118" s="248"/>
      <c r="F118" s="248"/>
      <c r="G118" s="248"/>
      <c r="H118" s="248"/>
      <c r="I118" s="248"/>
      <c r="J118" s="248"/>
      <c r="K118" s="248"/>
      <c r="L118" s="249"/>
      <c r="M118" s="249"/>
      <c r="N118" s="249"/>
      <c r="O118" s="249"/>
      <c r="P118" s="249"/>
      <c r="Q118" s="249"/>
      <c r="R118" s="249"/>
      <c r="S118" s="249"/>
      <c r="T118" s="249"/>
      <c r="U118" s="249"/>
      <c r="V118" s="249"/>
      <c r="W118" s="249"/>
      <c r="X118" s="249"/>
      <c r="Y118" s="249"/>
      <c r="Z118" s="249"/>
      <c r="AA118" s="249"/>
      <c r="AB118" s="249"/>
      <c r="AC118" s="249"/>
      <c r="AD118" s="249"/>
      <c r="AE118" s="249"/>
      <c r="AF118" s="249"/>
      <c r="AG118" s="249"/>
      <c r="AH118" s="249"/>
      <c r="AI118" s="249"/>
      <c r="AJ118" s="249"/>
      <c r="AK118" s="249"/>
      <c r="AL118" s="249"/>
      <c r="AM118" s="249"/>
      <c r="AN118" s="249"/>
      <c r="AO118" s="249"/>
      <c r="AP118" s="249"/>
      <c r="AQ118" s="249"/>
      <c r="AR118" s="249"/>
      <c r="AS118" s="249"/>
      <c r="AT118" s="249"/>
      <c r="AU118" s="249"/>
      <c r="AV118" s="248"/>
      <c r="AW118" s="248"/>
      <c r="AX118" s="248"/>
      <c r="AY118" s="248"/>
      <c r="AZ118" s="248"/>
      <c r="BA118" s="248"/>
      <c r="BB118" s="248"/>
      <c r="BC118" s="248"/>
      <c r="BD118" s="248"/>
      <c r="BE118" s="250"/>
      <c r="BF118" s="250"/>
      <c r="BG118" s="250"/>
      <c r="BH118" s="250"/>
      <c r="BI118" s="250"/>
      <c r="BJ118" s="249"/>
      <c r="BK118" s="249"/>
      <c r="BL118" s="249"/>
      <c r="BM118" s="249"/>
      <c r="BN118" s="249"/>
      <c r="BO118" s="249"/>
      <c r="BP118" s="249"/>
      <c r="BQ118" s="249"/>
      <c r="BR118" s="249"/>
      <c r="BS118" s="249"/>
      <c r="BT118" s="249"/>
      <c r="BU118" s="249"/>
      <c r="BV118" s="249"/>
      <c r="BW118" s="249"/>
      <c r="BX118" s="249"/>
      <c r="BY118" s="249"/>
      <c r="BZ118" s="249"/>
      <c r="CA118" s="249"/>
      <c r="CB118" s="249"/>
      <c r="CC118" s="249"/>
      <c r="CD118" s="249"/>
      <c r="CE118" s="249"/>
      <c r="CF118" s="249"/>
      <c r="CG118" s="249"/>
      <c r="CH118" s="249"/>
      <c r="CI118" s="249"/>
      <c r="CJ118" s="249"/>
      <c r="CK118" s="249"/>
      <c r="CL118" s="249"/>
      <c r="CM118" s="249"/>
      <c r="CN118" s="249"/>
      <c r="CO118" s="249"/>
      <c r="CP118" s="249"/>
      <c r="CQ118" s="251"/>
    </row>
    <row r="119" spans="1:97" s="8" customFormat="1" ht="6.75" customHeight="1" x14ac:dyDescent="0.55000000000000004">
      <c r="A119" s="247"/>
      <c r="B119" s="248"/>
      <c r="C119" s="248"/>
      <c r="D119" s="248"/>
      <c r="E119" s="248"/>
      <c r="F119" s="248"/>
      <c r="G119" s="248"/>
      <c r="H119" s="248"/>
      <c r="I119" s="248"/>
      <c r="J119" s="248"/>
      <c r="K119" s="248"/>
      <c r="L119" s="249"/>
      <c r="M119" s="249"/>
      <c r="N119" s="249"/>
      <c r="O119" s="249"/>
      <c r="P119" s="249"/>
      <c r="Q119" s="249"/>
      <c r="R119" s="249"/>
      <c r="S119" s="249"/>
      <c r="T119" s="249"/>
      <c r="U119" s="249"/>
      <c r="V119" s="249"/>
      <c r="W119" s="249"/>
      <c r="X119" s="249"/>
      <c r="Y119" s="249"/>
      <c r="Z119" s="249"/>
      <c r="AA119" s="249"/>
      <c r="AB119" s="249"/>
      <c r="AC119" s="249"/>
      <c r="AD119" s="249"/>
      <c r="AE119" s="249"/>
      <c r="AF119" s="249"/>
      <c r="AG119" s="249"/>
      <c r="AH119" s="249"/>
      <c r="AI119" s="249"/>
      <c r="AJ119" s="249"/>
      <c r="AK119" s="249"/>
      <c r="AL119" s="249"/>
      <c r="AM119" s="249"/>
      <c r="AN119" s="249"/>
      <c r="AO119" s="249"/>
      <c r="AP119" s="249"/>
      <c r="AQ119" s="249"/>
      <c r="AR119" s="249"/>
      <c r="AS119" s="249"/>
      <c r="AT119" s="249"/>
      <c r="AU119" s="249"/>
      <c r="AV119" s="248"/>
      <c r="AW119" s="248"/>
      <c r="AX119" s="248"/>
      <c r="AY119" s="248"/>
      <c r="AZ119" s="248"/>
      <c r="BA119" s="248"/>
      <c r="BB119" s="248"/>
      <c r="BC119" s="248"/>
      <c r="BD119" s="248"/>
      <c r="BE119" s="250"/>
      <c r="BF119" s="250"/>
      <c r="BG119" s="250"/>
      <c r="BH119" s="250"/>
      <c r="BI119" s="250"/>
      <c r="BJ119" s="249"/>
      <c r="BK119" s="249"/>
      <c r="BL119" s="249"/>
      <c r="BM119" s="249"/>
      <c r="BN119" s="249"/>
      <c r="BO119" s="249"/>
      <c r="BP119" s="249"/>
      <c r="BQ119" s="249"/>
      <c r="BR119" s="249"/>
      <c r="BS119" s="249"/>
      <c r="BT119" s="249"/>
      <c r="BU119" s="249"/>
      <c r="BV119" s="249"/>
      <c r="BW119" s="249"/>
      <c r="BX119" s="249"/>
      <c r="BY119" s="249"/>
      <c r="BZ119" s="249"/>
      <c r="CA119" s="249"/>
      <c r="CB119" s="249"/>
      <c r="CC119" s="249"/>
      <c r="CD119" s="249"/>
      <c r="CE119" s="249"/>
      <c r="CF119" s="249"/>
      <c r="CG119" s="249"/>
      <c r="CH119" s="249"/>
      <c r="CI119" s="249"/>
      <c r="CJ119" s="249"/>
      <c r="CK119" s="249"/>
      <c r="CL119" s="249"/>
      <c r="CM119" s="249"/>
      <c r="CN119" s="249"/>
      <c r="CO119" s="249"/>
      <c r="CP119" s="249"/>
      <c r="CQ119" s="251"/>
    </row>
    <row r="120" spans="1:97" s="8" customFormat="1" ht="6.75" customHeight="1" x14ac:dyDescent="0.55000000000000004">
      <c r="A120" s="247"/>
      <c r="B120" s="248"/>
      <c r="C120" s="248"/>
      <c r="D120" s="248"/>
      <c r="E120" s="248"/>
      <c r="F120" s="248"/>
      <c r="G120" s="248"/>
      <c r="H120" s="248"/>
      <c r="I120" s="248"/>
      <c r="J120" s="248"/>
      <c r="K120" s="248"/>
      <c r="L120" s="249"/>
      <c r="M120" s="249"/>
      <c r="N120" s="249"/>
      <c r="O120" s="249"/>
      <c r="P120" s="249"/>
      <c r="Q120" s="249"/>
      <c r="R120" s="249"/>
      <c r="S120" s="249"/>
      <c r="T120" s="249"/>
      <c r="U120" s="249"/>
      <c r="V120" s="249"/>
      <c r="W120" s="249"/>
      <c r="X120" s="249"/>
      <c r="Y120" s="249"/>
      <c r="Z120" s="249"/>
      <c r="AA120" s="249"/>
      <c r="AB120" s="249"/>
      <c r="AC120" s="249"/>
      <c r="AD120" s="249"/>
      <c r="AE120" s="249"/>
      <c r="AF120" s="249"/>
      <c r="AG120" s="249"/>
      <c r="AH120" s="249"/>
      <c r="AI120" s="249"/>
      <c r="AJ120" s="249"/>
      <c r="AK120" s="249"/>
      <c r="AL120" s="249"/>
      <c r="AM120" s="249"/>
      <c r="AN120" s="249"/>
      <c r="AO120" s="249"/>
      <c r="AP120" s="249"/>
      <c r="AQ120" s="249"/>
      <c r="AR120" s="249"/>
      <c r="AS120" s="249"/>
      <c r="AT120" s="249"/>
      <c r="AU120" s="249"/>
      <c r="AV120" s="248"/>
      <c r="AW120" s="248"/>
      <c r="AX120" s="248"/>
      <c r="AY120" s="248"/>
      <c r="AZ120" s="248"/>
      <c r="BA120" s="248"/>
      <c r="BB120" s="248"/>
      <c r="BC120" s="248"/>
      <c r="BD120" s="248"/>
      <c r="BE120" s="250"/>
      <c r="BF120" s="250"/>
      <c r="BG120" s="250"/>
      <c r="BH120" s="250"/>
      <c r="BI120" s="250"/>
      <c r="BJ120" s="249"/>
      <c r="BK120" s="249"/>
      <c r="BL120" s="249"/>
      <c r="BM120" s="249"/>
      <c r="BN120" s="249"/>
      <c r="BO120" s="249"/>
      <c r="BP120" s="249"/>
      <c r="BQ120" s="249"/>
      <c r="BR120" s="249"/>
      <c r="BS120" s="249"/>
      <c r="BT120" s="249"/>
      <c r="BU120" s="249"/>
      <c r="BV120" s="249"/>
      <c r="BW120" s="249"/>
      <c r="BX120" s="249"/>
      <c r="BY120" s="249"/>
      <c r="BZ120" s="249"/>
      <c r="CA120" s="249"/>
      <c r="CB120" s="249"/>
      <c r="CC120" s="249"/>
      <c r="CD120" s="249"/>
      <c r="CE120" s="249"/>
      <c r="CF120" s="249"/>
      <c r="CG120" s="249"/>
      <c r="CH120" s="249"/>
      <c r="CI120" s="249"/>
      <c r="CJ120" s="249"/>
      <c r="CK120" s="249"/>
      <c r="CL120" s="249"/>
      <c r="CM120" s="249"/>
      <c r="CN120" s="249"/>
      <c r="CO120" s="249"/>
      <c r="CP120" s="249"/>
      <c r="CQ120" s="251"/>
    </row>
    <row r="121" spans="1:97" s="8" customFormat="1" ht="7.5" customHeight="1" x14ac:dyDescent="0.55000000000000004">
      <c r="A121" s="229" t="s">
        <v>36</v>
      </c>
      <c r="B121" s="230"/>
      <c r="C121" s="230"/>
      <c r="D121" s="230"/>
      <c r="E121" s="230"/>
      <c r="F121" s="230"/>
      <c r="G121" s="230"/>
      <c r="H121" s="230"/>
      <c r="I121" s="230"/>
      <c r="J121" s="230"/>
      <c r="K121" s="230"/>
      <c r="L121" s="231" t="s">
        <v>37</v>
      </c>
      <c r="M121" s="231"/>
      <c r="N121" s="231"/>
      <c r="O121" s="231"/>
      <c r="P121" s="231"/>
      <c r="Q121" s="231"/>
      <c r="R121" s="231"/>
      <c r="S121" s="231"/>
      <c r="T121" s="231"/>
      <c r="U121" s="231"/>
      <c r="V121" s="231"/>
      <c r="W121" s="231"/>
      <c r="X121" s="231"/>
      <c r="Y121" s="231"/>
      <c r="Z121" s="231"/>
      <c r="AA121" s="231"/>
      <c r="AB121" s="231"/>
      <c r="AC121" s="231"/>
      <c r="AD121" s="231"/>
      <c r="AE121" s="231"/>
      <c r="AF121" s="231"/>
      <c r="AG121" s="231"/>
      <c r="AH121" s="231"/>
      <c r="AI121" s="231"/>
      <c r="AJ121" s="231"/>
      <c r="AK121" s="231"/>
      <c r="AL121" s="231"/>
      <c r="AM121" s="231"/>
      <c r="AN121" s="231"/>
      <c r="AO121" s="231"/>
      <c r="AP121" s="231"/>
      <c r="AQ121" s="231"/>
      <c r="AR121" s="231"/>
      <c r="AS121" s="231"/>
      <c r="AT121" s="231"/>
      <c r="AU121" s="231"/>
      <c r="AV121" s="231"/>
      <c r="AW121" s="231"/>
      <c r="AX121" s="231"/>
      <c r="AY121" s="231"/>
      <c r="AZ121" s="231"/>
      <c r="BA121" s="231"/>
      <c r="BB121" s="231"/>
      <c r="BC121" s="231"/>
      <c r="BD121" s="231"/>
      <c r="BE121" s="231"/>
      <c r="BF121" s="231"/>
      <c r="BG121" s="231"/>
      <c r="BH121" s="231"/>
      <c r="BI121" s="231"/>
      <c r="BJ121" s="231"/>
      <c r="BK121" s="231"/>
      <c r="BL121" s="231"/>
      <c r="BM121" s="231"/>
      <c r="BN121" s="231"/>
      <c r="BO121" s="231"/>
      <c r="BP121" s="231"/>
      <c r="BQ121" s="231"/>
      <c r="BR121" s="231"/>
      <c r="BS121" s="231"/>
      <c r="BT121" s="231"/>
      <c r="BU121" s="231"/>
      <c r="BV121" s="231"/>
      <c r="BW121" s="231"/>
      <c r="BX121" s="231"/>
      <c r="BY121" s="231"/>
      <c r="BZ121" s="231"/>
      <c r="CA121" s="231"/>
      <c r="CB121" s="231"/>
      <c r="CC121" s="231"/>
      <c r="CD121" s="231"/>
      <c r="CE121" s="231"/>
      <c r="CF121" s="231"/>
      <c r="CG121" s="231"/>
      <c r="CH121" s="231"/>
      <c r="CI121" s="231"/>
      <c r="CJ121" s="231"/>
      <c r="CK121" s="231"/>
      <c r="CL121" s="231"/>
      <c r="CM121" s="231"/>
      <c r="CN121" s="231"/>
      <c r="CO121" s="231"/>
      <c r="CP121" s="231"/>
      <c r="CQ121" s="232"/>
    </row>
    <row r="122" spans="1:97" s="8" customFormat="1" ht="7.5" customHeight="1" x14ac:dyDescent="0.55000000000000004">
      <c r="A122" s="229"/>
      <c r="B122" s="230"/>
      <c r="C122" s="230"/>
      <c r="D122" s="230"/>
      <c r="E122" s="230"/>
      <c r="F122" s="230"/>
      <c r="G122" s="230"/>
      <c r="H122" s="230"/>
      <c r="I122" s="230"/>
      <c r="J122" s="230"/>
      <c r="K122" s="230"/>
      <c r="L122" s="231"/>
      <c r="M122" s="231"/>
      <c r="N122" s="231"/>
      <c r="O122" s="231"/>
      <c r="P122" s="231"/>
      <c r="Q122" s="231"/>
      <c r="R122" s="231"/>
      <c r="S122" s="231"/>
      <c r="T122" s="231"/>
      <c r="U122" s="231"/>
      <c r="V122" s="231"/>
      <c r="W122" s="231"/>
      <c r="X122" s="231"/>
      <c r="Y122" s="231"/>
      <c r="Z122" s="231"/>
      <c r="AA122" s="231"/>
      <c r="AB122" s="231"/>
      <c r="AC122" s="231"/>
      <c r="AD122" s="231"/>
      <c r="AE122" s="231"/>
      <c r="AF122" s="231"/>
      <c r="AG122" s="231"/>
      <c r="AH122" s="231"/>
      <c r="AI122" s="231"/>
      <c r="AJ122" s="231"/>
      <c r="AK122" s="231"/>
      <c r="AL122" s="231"/>
      <c r="AM122" s="231"/>
      <c r="AN122" s="231"/>
      <c r="AO122" s="231"/>
      <c r="AP122" s="231"/>
      <c r="AQ122" s="231"/>
      <c r="AR122" s="231"/>
      <c r="AS122" s="231"/>
      <c r="AT122" s="231"/>
      <c r="AU122" s="231"/>
      <c r="AV122" s="231"/>
      <c r="AW122" s="231"/>
      <c r="AX122" s="231"/>
      <c r="AY122" s="231"/>
      <c r="AZ122" s="231"/>
      <c r="BA122" s="231"/>
      <c r="BB122" s="231"/>
      <c r="BC122" s="231"/>
      <c r="BD122" s="231"/>
      <c r="BE122" s="231"/>
      <c r="BF122" s="231"/>
      <c r="BG122" s="231"/>
      <c r="BH122" s="231"/>
      <c r="BI122" s="231"/>
      <c r="BJ122" s="231"/>
      <c r="BK122" s="231"/>
      <c r="BL122" s="231"/>
      <c r="BM122" s="231"/>
      <c r="BN122" s="231"/>
      <c r="BO122" s="231"/>
      <c r="BP122" s="231"/>
      <c r="BQ122" s="231"/>
      <c r="BR122" s="231"/>
      <c r="BS122" s="231"/>
      <c r="BT122" s="231"/>
      <c r="BU122" s="231"/>
      <c r="BV122" s="231"/>
      <c r="BW122" s="231"/>
      <c r="BX122" s="231"/>
      <c r="BY122" s="231"/>
      <c r="BZ122" s="231"/>
      <c r="CA122" s="231"/>
      <c r="CB122" s="231"/>
      <c r="CC122" s="231"/>
      <c r="CD122" s="231"/>
      <c r="CE122" s="231"/>
      <c r="CF122" s="231"/>
      <c r="CG122" s="231"/>
      <c r="CH122" s="231"/>
      <c r="CI122" s="231"/>
      <c r="CJ122" s="231"/>
      <c r="CK122" s="231"/>
      <c r="CL122" s="231"/>
      <c r="CM122" s="231"/>
      <c r="CN122" s="231"/>
      <c r="CO122" s="231"/>
      <c r="CP122" s="231"/>
      <c r="CQ122" s="232"/>
    </row>
    <row r="123" spans="1:97" s="8" customFormat="1" ht="7.5" customHeight="1" x14ac:dyDescent="0.55000000000000004">
      <c r="A123" s="229"/>
      <c r="B123" s="230"/>
      <c r="C123" s="230"/>
      <c r="D123" s="230"/>
      <c r="E123" s="230"/>
      <c r="F123" s="230"/>
      <c r="G123" s="230"/>
      <c r="H123" s="230"/>
      <c r="I123" s="230"/>
      <c r="J123" s="230"/>
      <c r="K123" s="230"/>
      <c r="L123" s="233"/>
      <c r="M123" s="233"/>
      <c r="N123" s="233"/>
      <c r="O123" s="233"/>
      <c r="P123" s="233"/>
      <c r="Q123" s="233"/>
      <c r="R123" s="233"/>
      <c r="S123" s="233"/>
      <c r="T123" s="233"/>
      <c r="U123" s="233"/>
      <c r="V123" s="233"/>
      <c r="W123" s="233"/>
      <c r="X123" s="233"/>
      <c r="Y123" s="233"/>
      <c r="Z123" s="233"/>
      <c r="AA123" s="233"/>
      <c r="AB123" s="233"/>
      <c r="AC123" s="233"/>
      <c r="AD123" s="233"/>
      <c r="AE123" s="233"/>
      <c r="AF123" s="233"/>
      <c r="AG123" s="233"/>
      <c r="AH123" s="233"/>
      <c r="AI123" s="233"/>
      <c r="AJ123" s="233"/>
      <c r="AK123" s="233"/>
      <c r="AL123" s="233"/>
      <c r="AM123" s="233"/>
      <c r="AN123" s="233"/>
      <c r="AO123" s="233"/>
      <c r="AP123" s="233"/>
      <c r="AQ123" s="233"/>
      <c r="AR123" s="233"/>
      <c r="AS123" s="233"/>
      <c r="AT123" s="233"/>
      <c r="AU123" s="233"/>
      <c r="AV123" s="233"/>
      <c r="AW123" s="233"/>
      <c r="AX123" s="233"/>
      <c r="AY123" s="233"/>
      <c r="AZ123" s="233"/>
      <c r="BA123" s="233"/>
      <c r="BB123" s="233"/>
      <c r="BC123" s="233"/>
      <c r="BD123" s="233"/>
      <c r="BE123" s="233"/>
      <c r="BF123" s="233"/>
      <c r="BG123" s="233"/>
      <c r="BH123" s="233"/>
      <c r="BI123" s="233"/>
      <c r="BJ123" s="233"/>
      <c r="BK123" s="233"/>
      <c r="BL123" s="233"/>
      <c r="BM123" s="233"/>
      <c r="BN123" s="233"/>
      <c r="BO123" s="233"/>
      <c r="BP123" s="233"/>
      <c r="BQ123" s="233"/>
      <c r="BR123" s="233"/>
      <c r="BS123" s="233"/>
      <c r="BT123" s="233"/>
      <c r="BU123" s="233"/>
      <c r="BV123" s="233"/>
      <c r="BW123" s="233"/>
      <c r="BX123" s="233"/>
      <c r="BY123" s="233"/>
      <c r="BZ123" s="233"/>
      <c r="CA123" s="233"/>
      <c r="CB123" s="233"/>
      <c r="CC123" s="233"/>
      <c r="CD123" s="233"/>
      <c r="CE123" s="233"/>
      <c r="CF123" s="233"/>
      <c r="CG123" s="233"/>
      <c r="CH123" s="233"/>
      <c r="CI123" s="233"/>
      <c r="CJ123" s="233"/>
      <c r="CK123" s="233"/>
      <c r="CL123" s="233"/>
      <c r="CM123" s="233"/>
      <c r="CN123" s="233"/>
      <c r="CO123" s="233"/>
      <c r="CP123" s="233"/>
      <c r="CQ123" s="234"/>
    </row>
    <row r="124" spans="1:97" s="8" customFormat="1" ht="7.5" customHeight="1" x14ac:dyDescent="0.55000000000000004">
      <c r="A124" s="229"/>
      <c r="B124" s="230"/>
      <c r="C124" s="230"/>
      <c r="D124" s="230"/>
      <c r="E124" s="230"/>
      <c r="F124" s="230"/>
      <c r="G124" s="230"/>
      <c r="H124" s="230"/>
      <c r="I124" s="230"/>
      <c r="J124" s="230"/>
      <c r="K124" s="230"/>
      <c r="L124" s="235" t="s">
        <v>38</v>
      </c>
      <c r="M124" s="235"/>
      <c r="N124" s="235"/>
      <c r="O124" s="235"/>
      <c r="P124" s="235"/>
      <c r="Q124" s="235"/>
      <c r="R124" s="235"/>
      <c r="S124" s="235"/>
      <c r="T124" s="235"/>
      <c r="U124" s="235"/>
      <c r="V124" s="235"/>
      <c r="W124" s="235"/>
      <c r="X124" s="235"/>
      <c r="Y124" s="235"/>
      <c r="Z124" s="235"/>
      <c r="AA124" s="235"/>
      <c r="AB124" s="235"/>
      <c r="AC124" s="235"/>
      <c r="AD124" s="235"/>
      <c r="AE124" s="235"/>
      <c r="AF124" s="235"/>
      <c r="AG124" s="235"/>
      <c r="AH124" s="235"/>
      <c r="AI124" s="235"/>
      <c r="AJ124" s="235"/>
      <c r="AK124" s="235"/>
      <c r="AL124" s="235"/>
      <c r="AM124" s="235"/>
      <c r="AN124" s="235"/>
      <c r="AO124" s="235"/>
      <c r="AP124" s="235"/>
      <c r="AQ124" s="235"/>
      <c r="AR124" s="235"/>
      <c r="AS124" s="235"/>
      <c r="AT124" s="235"/>
      <c r="AU124" s="235"/>
      <c r="AV124" s="235"/>
      <c r="AW124" s="235"/>
      <c r="AX124" s="235"/>
      <c r="AY124" s="235"/>
      <c r="AZ124" s="235"/>
      <c r="BA124" s="235"/>
      <c r="BB124" s="235"/>
      <c r="BC124" s="235"/>
      <c r="BD124" s="235"/>
      <c r="BE124" s="235"/>
      <c r="BF124" s="235"/>
      <c r="BG124" s="235"/>
      <c r="BH124" s="235"/>
      <c r="BI124" s="235"/>
      <c r="BJ124" s="235"/>
      <c r="BK124" s="235"/>
      <c r="BL124" s="235"/>
      <c r="BM124" s="235"/>
      <c r="BN124" s="235"/>
      <c r="BO124" s="235"/>
      <c r="BP124" s="235"/>
      <c r="BQ124" s="235"/>
      <c r="BR124" s="235"/>
      <c r="BS124" s="235"/>
      <c r="BT124" s="235"/>
      <c r="BU124" s="235"/>
      <c r="BV124" s="235"/>
      <c r="BW124" s="235"/>
      <c r="BX124" s="235"/>
      <c r="BY124" s="235"/>
      <c r="BZ124" s="235"/>
      <c r="CA124" s="235"/>
      <c r="CB124" s="235"/>
      <c r="CC124" s="235"/>
      <c r="CD124" s="235"/>
      <c r="CE124" s="235"/>
      <c r="CF124" s="235"/>
      <c r="CG124" s="235"/>
      <c r="CH124" s="235"/>
      <c r="CI124" s="235"/>
      <c r="CJ124" s="235"/>
      <c r="CK124" s="235"/>
      <c r="CL124" s="235"/>
      <c r="CM124" s="235"/>
      <c r="CN124" s="235"/>
      <c r="CO124" s="235"/>
      <c r="CP124" s="235"/>
      <c r="CQ124" s="236"/>
    </row>
    <row r="125" spans="1:97" s="8" customFormat="1" ht="7.5" customHeight="1" x14ac:dyDescent="0.55000000000000004">
      <c r="A125" s="229"/>
      <c r="B125" s="230"/>
      <c r="C125" s="230"/>
      <c r="D125" s="230"/>
      <c r="E125" s="230"/>
      <c r="F125" s="230"/>
      <c r="G125" s="230"/>
      <c r="H125" s="230"/>
      <c r="I125" s="230"/>
      <c r="J125" s="230"/>
      <c r="K125" s="230"/>
      <c r="L125" s="237"/>
      <c r="M125" s="237"/>
      <c r="N125" s="237"/>
      <c r="O125" s="237"/>
      <c r="P125" s="237"/>
      <c r="Q125" s="237"/>
      <c r="R125" s="237"/>
      <c r="S125" s="237"/>
      <c r="T125" s="237"/>
      <c r="U125" s="237"/>
      <c r="V125" s="237"/>
      <c r="W125" s="237"/>
      <c r="X125" s="237"/>
      <c r="Y125" s="237"/>
      <c r="Z125" s="237"/>
      <c r="AA125" s="237"/>
      <c r="AB125" s="237"/>
      <c r="AC125" s="237"/>
      <c r="AD125" s="237"/>
      <c r="AE125" s="237"/>
      <c r="AF125" s="237"/>
      <c r="AG125" s="237"/>
      <c r="AH125" s="237"/>
      <c r="AI125" s="237"/>
      <c r="AJ125" s="237"/>
      <c r="AK125" s="237"/>
      <c r="AL125" s="237"/>
      <c r="AM125" s="237"/>
      <c r="AN125" s="237"/>
      <c r="AO125" s="237"/>
      <c r="AP125" s="237"/>
      <c r="AQ125" s="237"/>
      <c r="AR125" s="237"/>
      <c r="AS125" s="237"/>
      <c r="AT125" s="237"/>
      <c r="AU125" s="237"/>
      <c r="AV125" s="237"/>
      <c r="AW125" s="237"/>
      <c r="AX125" s="237"/>
      <c r="AY125" s="237"/>
      <c r="AZ125" s="237"/>
      <c r="BA125" s="237"/>
      <c r="BB125" s="237"/>
      <c r="BC125" s="237"/>
      <c r="BD125" s="237"/>
      <c r="BE125" s="237"/>
      <c r="BF125" s="237"/>
      <c r="BG125" s="237"/>
      <c r="BH125" s="237"/>
      <c r="BI125" s="237"/>
      <c r="BJ125" s="237"/>
      <c r="BK125" s="237"/>
      <c r="BL125" s="237"/>
      <c r="BM125" s="237"/>
      <c r="BN125" s="237"/>
      <c r="BO125" s="237"/>
      <c r="BP125" s="237"/>
      <c r="BQ125" s="237"/>
      <c r="BR125" s="237"/>
      <c r="BS125" s="237"/>
      <c r="BT125" s="237"/>
      <c r="BU125" s="237"/>
      <c r="BV125" s="237"/>
      <c r="BW125" s="237"/>
      <c r="BX125" s="237"/>
      <c r="BY125" s="237"/>
      <c r="BZ125" s="237"/>
      <c r="CA125" s="237"/>
      <c r="CB125" s="237"/>
      <c r="CC125" s="237"/>
      <c r="CD125" s="237"/>
      <c r="CE125" s="237"/>
      <c r="CF125" s="237"/>
      <c r="CG125" s="237"/>
      <c r="CH125" s="237"/>
      <c r="CI125" s="237"/>
      <c r="CJ125" s="237"/>
      <c r="CK125" s="237"/>
      <c r="CL125" s="237"/>
      <c r="CM125" s="237"/>
      <c r="CN125" s="237"/>
      <c r="CO125" s="237"/>
      <c r="CP125" s="237"/>
      <c r="CQ125" s="238"/>
    </row>
    <row r="126" spans="1:97" s="8" customFormat="1" ht="7.5" customHeight="1" x14ac:dyDescent="0.55000000000000004">
      <c r="A126" s="239" t="s">
        <v>39</v>
      </c>
      <c r="B126" s="240"/>
      <c r="C126" s="240"/>
      <c r="D126" s="240"/>
      <c r="E126" s="240"/>
      <c r="F126" s="240"/>
      <c r="G126" s="240"/>
      <c r="H126" s="240"/>
      <c r="I126" s="240"/>
      <c r="J126" s="240"/>
      <c r="K126" s="240"/>
      <c r="L126" s="252"/>
      <c r="M126" s="253"/>
      <c r="N126" s="253"/>
      <c r="O126" s="253"/>
      <c r="P126" s="253"/>
      <c r="Q126" s="253"/>
      <c r="R126" s="253"/>
      <c r="S126" s="253"/>
      <c r="T126" s="253"/>
      <c r="U126" s="253"/>
      <c r="V126" s="253"/>
      <c r="W126" s="258" t="s">
        <v>131</v>
      </c>
      <c r="X126" s="258"/>
      <c r="Y126" s="253"/>
      <c r="Z126" s="253"/>
      <c r="AA126" s="253"/>
      <c r="AB126" s="253"/>
      <c r="AC126" s="253"/>
      <c r="AD126" s="253"/>
      <c r="AE126" s="258" t="s">
        <v>133</v>
      </c>
      <c r="AF126" s="258"/>
      <c r="AG126" s="253"/>
      <c r="AH126" s="253"/>
      <c r="AI126" s="253"/>
      <c r="AJ126" s="253"/>
      <c r="AK126" s="253"/>
      <c r="AL126" s="253"/>
      <c r="AM126" s="258" t="s">
        <v>145</v>
      </c>
      <c r="AN126" s="258"/>
      <c r="AO126" s="253" t="s">
        <v>146</v>
      </c>
      <c r="AP126" s="253"/>
      <c r="AQ126" s="253"/>
      <c r="AR126" s="253"/>
      <c r="AS126" s="253"/>
      <c r="AT126" s="253"/>
      <c r="AU126" s="253"/>
      <c r="AV126" s="253"/>
      <c r="AW126" s="253"/>
      <c r="AX126" s="253"/>
      <c r="AY126" s="253"/>
      <c r="AZ126" s="253"/>
      <c r="BA126" s="253"/>
      <c r="BB126" s="253"/>
      <c r="BC126" s="258" t="s">
        <v>131</v>
      </c>
      <c r="BD126" s="258"/>
      <c r="BE126" s="253"/>
      <c r="BF126" s="253"/>
      <c r="BG126" s="253"/>
      <c r="BH126" s="253"/>
      <c r="BI126" s="253"/>
      <c r="BJ126" s="253"/>
      <c r="BK126" s="258" t="s">
        <v>133</v>
      </c>
      <c r="BL126" s="258"/>
      <c r="BM126" s="253"/>
      <c r="BN126" s="253"/>
      <c r="BO126" s="253"/>
      <c r="BP126" s="253"/>
      <c r="BQ126" s="253"/>
      <c r="BR126" s="253"/>
      <c r="BS126" s="258" t="s">
        <v>145</v>
      </c>
      <c r="BT126" s="258"/>
      <c r="BU126" s="297" t="s">
        <v>147</v>
      </c>
      <c r="BV126" s="297"/>
      <c r="BW126" s="297"/>
      <c r="BX126" s="297"/>
      <c r="BY126" s="297"/>
      <c r="BZ126" s="297"/>
      <c r="CA126" s="297"/>
      <c r="CB126" s="297"/>
      <c r="CC126" s="297"/>
      <c r="CD126" s="297"/>
      <c r="CE126" s="297"/>
      <c r="CF126" s="297"/>
      <c r="CG126" s="297"/>
      <c r="CH126" s="297"/>
      <c r="CI126" s="297"/>
      <c r="CJ126" s="297"/>
      <c r="CK126" s="297"/>
      <c r="CL126" s="297"/>
      <c r="CM126" s="297"/>
      <c r="CN126" s="297"/>
      <c r="CO126" s="297"/>
      <c r="CP126" s="297"/>
      <c r="CQ126" s="298"/>
    </row>
    <row r="127" spans="1:97" s="8" customFormat="1" ht="7.5" customHeight="1" x14ac:dyDescent="0.55000000000000004">
      <c r="A127" s="239"/>
      <c r="B127" s="240"/>
      <c r="C127" s="240"/>
      <c r="D127" s="240"/>
      <c r="E127" s="240"/>
      <c r="F127" s="240"/>
      <c r="G127" s="240"/>
      <c r="H127" s="240"/>
      <c r="I127" s="240"/>
      <c r="J127" s="240"/>
      <c r="K127" s="240"/>
      <c r="L127" s="254"/>
      <c r="M127" s="255"/>
      <c r="N127" s="255"/>
      <c r="O127" s="255"/>
      <c r="P127" s="255"/>
      <c r="Q127" s="255"/>
      <c r="R127" s="255"/>
      <c r="S127" s="255"/>
      <c r="T127" s="255"/>
      <c r="U127" s="255"/>
      <c r="V127" s="255"/>
      <c r="W127" s="259"/>
      <c r="X127" s="259"/>
      <c r="Y127" s="255"/>
      <c r="Z127" s="255"/>
      <c r="AA127" s="255"/>
      <c r="AB127" s="255"/>
      <c r="AC127" s="255"/>
      <c r="AD127" s="255"/>
      <c r="AE127" s="259"/>
      <c r="AF127" s="259"/>
      <c r="AG127" s="255"/>
      <c r="AH127" s="255"/>
      <c r="AI127" s="255"/>
      <c r="AJ127" s="255"/>
      <c r="AK127" s="255"/>
      <c r="AL127" s="255"/>
      <c r="AM127" s="259"/>
      <c r="AN127" s="259"/>
      <c r="AO127" s="255"/>
      <c r="AP127" s="255"/>
      <c r="AQ127" s="255"/>
      <c r="AR127" s="255"/>
      <c r="AS127" s="255"/>
      <c r="AT127" s="255"/>
      <c r="AU127" s="255"/>
      <c r="AV127" s="255"/>
      <c r="AW127" s="255"/>
      <c r="AX127" s="255"/>
      <c r="AY127" s="255"/>
      <c r="AZ127" s="255"/>
      <c r="BA127" s="255"/>
      <c r="BB127" s="255"/>
      <c r="BC127" s="259"/>
      <c r="BD127" s="259"/>
      <c r="BE127" s="255"/>
      <c r="BF127" s="255"/>
      <c r="BG127" s="255"/>
      <c r="BH127" s="255"/>
      <c r="BI127" s="255"/>
      <c r="BJ127" s="255"/>
      <c r="BK127" s="259"/>
      <c r="BL127" s="259"/>
      <c r="BM127" s="255"/>
      <c r="BN127" s="255"/>
      <c r="BO127" s="255"/>
      <c r="BP127" s="255"/>
      <c r="BQ127" s="255"/>
      <c r="BR127" s="255"/>
      <c r="BS127" s="259"/>
      <c r="BT127" s="259"/>
      <c r="BU127" s="299"/>
      <c r="BV127" s="299"/>
      <c r="BW127" s="299"/>
      <c r="BX127" s="299"/>
      <c r="BY127" s="299"/>
      <c r="BZ127" s="299"/>
      <c r="CA127" s="299"/>
      <c r="CB127" s="299"/>
      <c r="CC127" s="299"/>
      <c r="CD127" s="299"/>
      <c r="CE127" s="299"/>
      <c r="CF127" s="299"/>
      <c r="CG127" s="299"/>
      <c r="CH127" s="299"/>
      <c r="CI127" s="299"/>
      <c r="CJ127" s="299"/>
      <c r="CK127" s="299"/>
      <c r="CL127" s="299"/>
      <c r="CM127" s="299"/>
      <c r="CN127" s="299"/>
      <c r="CO127" s="299"/>
      <c r="CP127" s="299"/>
      <c r="CQ127" s="300"/>
    </row>
    <row r="128" spans="1:97" s="8" customFormat="1" ht="7.5" customHeight="1" x14ac:dyDescent="0.55000000000000004">
      <c r="A128" s="239"/>
      <c r="B128" s="240"/>
      <c r="C128" s="240"/>
      <c r="D128" s="240"/>
      <c r="E128" s="240"/>
      <c r="F128" s="240"/>
      <c r="G128" s="240"/>
      <c r="H128" s="240"/>
      <c r="I128" s="240"/>
      <c r="J128" s="240"/>
      <c r="K128" s="240"/>
      <c r="L128" s="254"/>
      <c r="M128" s="255"/>
      <c r="N128" s="255"/>
      <c r="O128" s="255"/>
      <c r="P128" s="255"/>
      <c r="Q128" s="255"/>
      <c r="R128" s="255"/>
      <c r="S128" s="255"/>
      <c r="T128" s="255"/>
      <c r="U128" s="255"/>
      <c r="V128" s="255"/>
      <c r="W128" s="259"/>
      <c r="X128" s="259"/>
      <c r="Y128" s="255"/>
      <c r="Z128" s="255"/>
      <c r="AA128" s="255"/>
      <c r="AB128" s="255"/>
      <c r="AC128" s="255"/>
      <c r="AD128" s="255"/>
      <c r="AE128" s="259"/>
      <c r="AF128" s="259"/>
      <c r="AG128" s="255"/>
      <c r="AH128" s="255"/>
      <c r="AI128" s="255"/>
      <c r="AJ128" s="255"/>
      <c r="AK128" s="255"/>
      <c r="AL128" s="255"/>
      <c r="AM128" s="259"/>
      <c r="AN128" s="259"/>
      <c r="AO128" s="255"/>
      <c r="AP128" s="255"/>
      <c r="AQ128" s="255"/>
      <c r="AR128" s="255"/>
      <c r="AS128" s="255"/>
      <c r="AT128" s="255"/>
      <c r="AU128" s="255"/>
      <c r="AV128" s="255"/>
      <c r="AW128" s="255"/>
      <c r="AX128" s="255"/>
      <c r="AY128" s="255"/>
      <c r="AZ128" s="255"/>
      <c r="BA128" s="255"/>
      <c r="BB128" s="255"/>
      <c r="BC128" s="259"/>
      <c r="BD128" s="259"/>
      <c r="BE128" s="255"/>
      <c r="BF128" s="255"/>
      <c r="BG128" s="255"/>
      <c r="BH128" s="255"/>
      <c r="BI128" s="255"/>
      <c r="BJ128" s="255"/>
      <c r="BK128" s="259"/>
      <c r="BL128" s="259"/>
      <c r="BM128" s="255"/>
      <c r="BN128" s="255"/>
      <c r="BO128" s="255"/>
      <c r="BP128" s="255"/>
      <c r="BQ128" s="255"/>
      <c r="BR128" s="255"/>
      <c r="BS128" s="259"/>
      <c r="BT128" s="259"/>
      <c r="BU128" s="299"/>
      <c r="BV128" s="299"/>
      <c r="BW128" s="299"/>
      <c r="BX128" s="299"/>
      <c r="BY128" s="299"/>
      <c r="BZ128" s="299"/>
      <c r="CA128" s="299"/>
      <c r="CB128" s="299"/>
      <c r="CC128" s="299"/>
      <c r="CD128" s="299"/>
      <c r="CE128" s="299"/>
      <c r="CF128" s="299"/>
      <c r="CG128" s="299"/>
      <c r="CH128" s="299"/>
      <c r="CI128" s="299"/>
      <c r="CJ128" s="299"/>
      <c r="CK128" s="299"/>
      <c r="CL128" s="299"/>
      <c r="CM128" s="299"/>
      <c r="CN128" s="299"/>
      <c r="CO128" s="299"/>
      <c r="CP128" s="299"/>
      <c r="CQ128" s="300"/>
    </row>
    <row r="129" spans="1:95" s="8" customFormat="1" ht="7.5" customHeight="1" x14ac:dyDescent="0.55000000000000004">
      <c r="A129" s="239"/>
      <c r="B129" s="240"/>
      <c r="C129" s="240"/>
      <c r="D129" s="240"/>
      <c r="E129" s="240"/>
      <c r="F129" s="240"/>
      <c r="G129" s="240"/>
      <c r="H129" s="240"/>
      <c r="I129" s="240"/>
      <c r="J129" s="240"/>
      <c r="K129" s="240"/>
      <c r="L129" s="256"/>
      <c r="M129" s="257"/>
      <c r="N129" s="257"/>
      <c r="O129" s="257"/>
      <c r="P129" s="257"/>
      <c r="Q129" s="257"/>
      <c r="R129" s="257"/>
      <c r="S129" s="257"/>
      <c r="T129" s="257"/>
      <c r="U129" s="257"/>
      <c r="V129" s="257"/>
      <c r="W129" s="260"/>
      <c r="X129" s="260"/>
      <c r="Y129" s="257"/>
      <c r="Z129" s="257"/>
      <c r="AA129" s="257"/>
      <c r="AB129" s="257"/>
      <c r="AC129" s="257"/>
      <c r="AD129" s="257"/>
      <c r="AE129" s="260"/>
      <c r="AF129" s="260"/>
      <c r="AG129" s="257"/>
      <c r="AH129" s="257"/>
      <c r="AI129" s="257"/>
      <c r="AJ129" s="257"/>
      <c r="AK129" s="257"/>
      <c r="AL129" s="257"/>
      <c r="AM129" s="260"/>
      <c r="AN129" s="260"/>
      <c r="AO129" s="257"/>
      <c r="AP129" s="257"/>
      <c r="AQ129" s="257"/>
      <c r="AR129" s="257"/>
      <c r="AS129" s="257"/>
      <c r="AT129" s="257"/>
      <c r="AU129" s="257"/>
      <c r="AV129" s="257"/>
      <c r="AW129" s="257"/>
      <c r="AX129" s="257"/>
      <c r="AY129" s="257"/>
      <c r="AZ129" s="257"/>
      <c r="BA129" s="257"/>
      <c r="BB129" s="257"/>
      <c r="BC129" s="260"/>
      <c r="BD129" s="260"/>
      <c r="BE129" s="257"/>
      <c r="BF129" s="257"/>
      <c r="BG129" s="257"/>
      <c r="BH129" s="257"/>
      <c r="BI129" s="257"/>
      <c r="BJ129" s="257"/>
      <c r="BK129" s="260"/>
      <c r="BL129" s="260"/>
      <c r="BM129" s="257"/>
      <c r="BN129" s="257"/>
      <c r="BO129" s="257"/>
      <c r="BP129" s="257"/>
      <c r="BQ129" s="257"/>
      <c r="BR129" s="257"/>
      <c r="BS129" s="260"/>
      <c r="BT129" s="260"/>
      <c r="BU129" s="301"/>
      <c r="BV129" s="301"/>
      <c r="BW129" s="301"/>
      <c r="BX129" s="301"/>
      <c r="BY129" s="301"/>
      <c r="BZ129" s="301"/>
      <c r="CA129" s="301"/>
      <c r="CB129" s="301"/>
      <c r="CC129" s="301"/>
      <c r="CD129" s="301"/>
      <c r="CE129" s="301"/>
      <c r="CF129" s="301"/>
      <c r="CG129" s="301"/>
      <c r="CH129" s="301"/>
      <c r="CI129" s="301"/>
      <c r="CJ129" s="301"/>
      <c r="CK129" s="301"/>
      <c r="CL129" s="301"/>
      <c r="CM129" s="301"/>
      <c r="CN129" s="301"/>
      <c r="CO129" s="301"/>
      <c r="CP129" s="301"/>
      <c r="CQ129" s="302"/>
    </row>
    <row r="130" spans="1:95" s="8" customFormat="1" ht="7.5" customHeight="1" x14ac:dyDescent="0.55000000000000004">
      <c r="A130" s="239" t="s">
        <v>40</v>
      </c>
      <c r="B130" s="240"/>
      <c r="C130" s="240"/>
      <c r="D130" s="240"/>
      <c r="E130" s="240"/>
      <c r="F130" s="240"/>
      <c r="G130" s="240"/>
      <c r="H130" s="240"/>
      <c r="I130" s="240"/>
      <c r="J130" s="240"/>
      <c r="K130" s="240"/>
      <c r="L130" s="243" t="s">
        <v>178</v>
      </c>
      <c r="M130" s="243"/>
      <c r="N130" s="243"/>
      <c r="O130" s="243"/>
      <c r="P130" s="243"/>
      <c r="Q130" s="243"/>
      <c r="R130" s="243"/>
      <c r="S130" s="243"/>
      <c r="T130" s="243"/>
      <c r="U130" s="243"/>
      <c r="V130" s="243"/>
      <c r="W130" s="243"/>
      <c r="X130" s="243"/>
      <c r="Y130" s="243"/>
      <c r="Z130" s="243"/>
      <c r="AA130" s="243"/>
      <c r="AB130" s="243"/>
      <c r="AC130" s="243"/>
      <c r="AD130" s="243"/>
      <c r="AE130" s="243"/>
      <c r="AF130" s="243"/>
      <c r="AG130" s="243"/>
      <c r="AH130" s="243"/>
      <c r="AI130" s="243"/>
      <c r="AJ130" s="243"/>
      <c r="AK130" s="243"/>
      <c r="AL130" s="243"/>
      <c r="AM130" s="243"/>
      <c r="AN130" s="243"/>
      <c r="AO130" s="243"/>
      <c r="AP130" s="243"/>
      <c r="AQ130" s="243"/>
      <c r="AR130" s="243"/>
      <c r="AS130" s="243"/>
      <c r="AT130" s="243"/>
      <c r="AU130" s="243"/>
      <c r="AV130" s="243"/>
      <c r="AW130" s="243"/>
      <c r="AX130" s="243"/>
      <c r="AY130" s="243"/>
      <c r="AZ130" s="243"/>
      <c r="BA130" s="243"/>
      <c r="BB130" s="243"/>
      <c r="BC130" s="243"/>
      <c r="BD130" s="243"/>
      <c r="BE130" s="243"/>
      <c r="BF130" s="243"/>
      <c r="BG130" s="243"/>
      <c r="BH130" s="243"/>
      <c r="BI130" s="243"/>
      <c r="BJ130" s="243"/>
      <c r="BK130" s="243"/>
      <c r="BL130" s="243"/>
      <c r="BM130" s="243"/>
      <c r="BN130" s="243"/>
      <c r="BO130" s="243"/>
      <c r="BP130" s="243"/>
      <c r="BQ130" s="243"/>
      <c r="BR130" s="243"/>
      <c r="BS130" s="243"/>
      <c r="BT130" s="243"/>
      <c r="BU130" s="243"/>
      <c r="BV130" s="243"/>
      <c r="BW130" s="243"/>
      <c r="BX130" s="243"/>
      <c r="BY130" s="243"/>
      <c r="BZ130" s="243"/>
      <c r="CA130" s="243"/>
      <c r="CB130" s="243"/>
      <c r="CC130" s="243"/>
      <c r="CD130" s="243"/>
      <c r="CE130" s="243"/>
      <c r="CF130" s="243"/>
      <c r="CG130" s="243"/>
      <c r="CH130" s="243"/>
      <c r="CI130" s="243"/>
      <c r="CJ130" s="243"/>
      <c r="CK130" s="243"/>
      <c r="CL130" s="243"/>
      <c r="CM130" s="243"/>
      <c r="CN130" s="243"/>
      <c r="CO130" s="243"/>
      <c r="CP130" s="243"/>
      <c r="CQ130" s="244"/>
    </row>
    <row r="131" spans="1:95" s="8" customFormat="1" ht="7.5" customHeight="1" x14ac:dyDescent="0.55000000000000004">
      <c r="A131" s="239"/>
      <c r="B131" s="240"/>
      <c r="C131" s="240"/>
      <c r="D131" s="240"/>
      <c r="E131" s="240"/>
      <c r="F131" s="240"/>
      <c r="G131" s="240"/>
      <c r="H131" s="240"/>
      <c r="I131" s="240"/>
      <c r="J131" s="240"/>
      <c r="K131" s="240"/>
      <c r="L131" s="243"/>
      <c r="M131" s="243"/>
      <c r="N131" s="243"/>
      <c r="O131" s="243"/>
      <c r="P131" s="243"/>
      <c r="Q131" s="243"/>
      <c r="R131" s="243"/>
      <c r="S131" s="243"/>
      <c r="T131" s="243"/>
      <c r="U131" s="243"/>
      <c r="V131" s="243"/>
      <c r="W131" s="243"/>
      <c r="X131" s="243"/>
      <c r="Y131" s="243"/>
      <c r="Z131" s="243"/>
      <c r="AA131" s="243"/>
      <c r="AB131" s="243"/>
      <c r="AC131" s="243"/>
      <c r="AD131" s="243"/>
      <c r="AE131" s="243"/>
      <c r="AF131" s="243"/>
      <c r="AG131" s="243"/>
      <c r="AH131" s="243"/>
      <c r="AI131" s="243"/>
      <c r="AJ131" s="243"/>
      <c r="AK131" s="243"/>
      <c r="AL131" s="243"/>
      <c r="AM131" s="243"/>
      <c r="AN131" s="243"/>
      <c r="AO131" s="243"/>
      <c r="AP131" s="243"/>
      <c r="AQ131" s="243"/>
      <c r="AR131" s="243"/>
      <c r="AS131" s="243"/>
      <c r="AT131" s="243"/>
      <c r="AU131" s="243"/>
      <c r="AV131" s="243"/>
      <c r="AW131" s="243"/>
      <c r="AX131" s="243"/>
      <c r="AY131" s="243"/>
      <c r="AZ131" s="243"/>
      <c r="BA131" s="243"/>
      <c r="BB131" s="243"/>
      <c r="BC131" s="243"/>
      <c r="BD131" s="243"/>
      <c r="BE131" s="243"/>
      <c r="BF131" s="243"/>
      <c r="BG131" s="243"/>
      <c r="BH131" s="243"/>
      <c r="BI131" s="243"/>
      <c r="BJ131" s="243"/>
      <c r="BK131" s="243"/>
      <c r="BL131" s="243"/>
      <c r="BM131" s="243"/>
      <c r="BN131" s="243"/>
      <c r="BO131" s="243"/>
      <c r="BP131" s="243"/>
      <c r="BQ131" s="243"/>
      <c r="BR131" s="243"/>
      <c r="BS131" s="243"/>
      <c r="BT131" s="243"/>
      <c r="BU131" s="243"/>
      <c r="BV131" s="243"/>
      <c r="BW131" s="243"/>
      <c r="BX131" s="243"/>
      <c r="BY131" s="243"/>
      <c r="BZ131" s="243"/>
      <c r="CA131" s="243"/>
      <c r="CB131" s="243"/>
      <c r="CC131" s="243"/>
      <c r="CD131" s="243"/>
      <c r="CE131" s="243"/>
      <c r="CF131" s="243"/>
      <c r="CG131" s="243"/>
      <c r="CH131" s="243"/>
      <c r="CI131" s="243"/>
      <c r="CJ131" s="243"/>
      <c r="CK131" s="243"/>
      <c r="CL131" s="243"/>
      <c r="CM131" s="243"/>
      <c r="CN131" s="243"/>
      <c r="CO131" s="243"/>
      <c r="CP131" s="243"/>
      <c r="CQ131" s="244"/>
    </row>
    <row r="132" spans="1:95" s="8" customFormat="1" ht="7.5" customHeight="1" x14ac:dyDescent="0.55000000000000004">
      <c r="A132" s="241"/>
      <c r="B132" s="242"/>
      <c r="C132" s="242"/>
      <c r="D132" s="242"/>
      <c r="E132" s="242"/>
      <c r="F132" s="242"/>
      <c r="G132" s="242"/>
      <c r="H132" s="242"/>
      <c r="I132" s="242"/>
      <c r="J132" s="242"/>
      <c r="K132" s="242"/>
      <c r="L132" s="245"/>
      <c r="M132" s="245"/>
      <c r="N132" s="245"/>
      <c r="O132" s="245"/>
      <c r="P132" s="245"/>
      <c r="Q132" s="245"/>
      <c r="R132" s="245"/>
      <c r="S132" s="245"/>
      <c r="T132" s="245"/>
      <c r="U132" s="245"/>
      <c r="V132" s="245"/>
      <c r="W132" s="245"/>
      <c r="X132" s="245"/>
      <c r="Y132" s="245"/>
      <c r="Z132" s="245"/>
      <c r="AA132" s="245"/>
      <c r="AB132" s="245"/>
      <c r="AC132" s="245"/>
      <c r="AD132" s="245"/>
      <c r="AE132" s="245"/>
      <c r="AF132" s="245"/>
      <c r="AG132" s="245"/>
      <c r="AH132" s="245"/>
      <c r="AI132" s="245"/>
      <c r="AJ132" s="245"/>
      <c r="AK132" s="245"/>
      <c r="AL132" s="245"/>
      <c r="AM132" s="245"/>
      <c r="AN132" s="245"/>
      <c r="AO132" s="245"/>
      <c r="AP132" s="245"/>
      <c r="AQ132" s="245"/>
      <c r="AR132" s="245"/>
      <c r="AS132" s="245"/>
      <c r="AT132" s="245"/>
      <c r="AU132" s="245"/>
      <c r="AV132" s="245"/>
      <c r="AW132" s="245"/>
      <c r="AX132" s="245"/>
      <c r="AY132" s="245"/>
      <c r="AZ132" s="245"/>
      <c r="BA132" s="245"/>
      <c r="BB132" s="245"/>
      <c r="BC132" s="245"/>
      <c r="BD132" s="245"/>
      <c r="BE132" s="245"/>
      <c r="BF132" s="245"/>
      <c r="BG132" s="245"/>
      <c r="BH132" s="245"/>
      <c r="BI132" s="245"/>
      <c r="BJ132" s="245"/>
      <c r="BK132" s="245"/>
      <c r="BL132" s="245"/>
      <c r="BM132" s="245"/>
      <c r="BN132" s="245"/>
      <c r="BO132" s="245"/>
      <c r="BP132" s="245"/>
      <c r="BQ132" s="245"/>
      <c r="BR132" s="245"/>
      <c r="BS132" s="245"/>
      <c r="BT132" s="245"/>
      <c r="BU132" s="245"/>
      <c r="BV132" s="245"/>
      <c r="BW132" s="245"/>
      <c r="BX132" s="245"/>
      <c r="BY132" s="245"/>
      <c r="BZ132" s="245"/>
      <c r="CA132" s="245"/>
      <c r="CB132" s="245"/>
      <c r="CC132" s="245"/>
      <c r="CD132" s="245"/>
      <c r="CE132" s="245"/>
      <c r="CF132" s="245"/>
      <c r="CG132" s="245"/>
      <c r="CH132" s="245"/>
      <c r="CI132" s="245"/>
      <c r="CJ132" s="245"/>
      <c r="CK132" s="245"/>
      <c r="CL132" s="245"/>
      <c r="CM132" s="245"/>
      <c r="CN132" s="245"/>
      <c r="CO132" s="245"/>
      <c r="CP132" s="245"/>
      <c r="CQ132" s="246"/>
    </row>
    <row r="133" spans="1:95" s="38" customFormat="1" ht="15.5" customHeight="1" x14ac:dyDescent="0.2">
      <c r="A133" s="227" t="s">
        <v>92</v>
      </c>
      <c r="B133" s="227"/>
      <c r="C133" s="227"/>
      <c r="D133" s="227"/>
      <c r="E133" s="227"/>
      <c r="F133" s="227"/>
      <c r="G133" s="227"/>
      <c r="H133" s="227"/>
      <c r="I133" s="227"/>
      <c r="J133" s="227"/>
      <c r="K133" s="227"/>
      <c r="L133" s="228" t="s">
        <v>97</v>
      </c>
      <c r="M133" s="228"/>
      <c r="N133" s="228"/>
      <c r="O133" s="228"/>
      <c r="P133" s="228"/>
      <c r="Q133" s="228"/>
      <c r="R133" s="228"/>
      <c r="S133" s="228"/>
      <c r="T133" s="228"/>
      <c r="U133" s="228"/>
      <c r="V133" s="228"/>
      <c r="W133" s="228"/>
      <c r="X133" s="228"/>
      <c r="Y133" s="228"/>
      <c r="Z133" s="228"/>
      <c r="AA133" s="228"/>
      <c r="AB133" s="228"/>
      <c r="AC133" s="228"/>
      <c r="AD133" s="228"/>
      <c r="AE133" s="228"/>
      <c r="AF133" s="228"/>
      <c r="AG133" s="228"/>
      <c r="AH133" s="228"/>
      <c r="AI133" s="228"/>
      <c r="AJ133" s="228"/>
      <c r="AK133" s="228"/>
      <c r="AL133" s="228"/>
      <c r="AM133" s="228"/>
      <c r="AN133" s="228"/>
      <c r="AO133" s="228"/>
      <c r="AP133" s="228"/>
      <c r="AQ133" s="228"/>
      <c r="AR133" s="228"/>
      <c r="AS133" s="228"/>
      <c r="AT133" s="228"/>
      <c r="AU133" s="228"/>
      <c r="AV133" s="228"/>
      <c r="AW133" s="228"/>
      <c r="AX133" s="228"/>
      <c r="AY133" s="228"/>
      <c r="AZ133" s="228"/>
      <c r="BA133" s="228"/>
      <c r="BB133" s="228"/>
      <c r="BC133" s="228"/>
      <c r="BD133" s="228"/>
      <c r="BE133" s="228"/>
      <c r="BF133" s="228"/>
      <c r="BG133" s="228"/>
      <c r="BH133" s="228"/>
      <c r="BI133" s="228"/>
      <c r="BJ133" s="228"/>
      <c r="BK133" s="228"/>
      <c r="BL133" s="228"/>
      <c r="BM133" s="228"/>
      <c r="BN133" s="228"/>
      <c r="BO133" s="228"/>
      <c r="BP133" s="228"/>
      <c r="BQ133" s="228"/>
      <c r="BR133" s="228"/>
      <c r="BS133" s="228"/>
      <c r="BT133" s="228"/>
      <c r="BU133" s="228"/>
      <c r="BV133" s="228"/>
      <c r="BW133" s="228"/>
      <c r="BX133" s="228"/>
      <c r="BY133" s="228"/>
      <c r="BZ133" s="228"/>
      <c r="CA133" s="228"/>
      <c r="CB133" s="228"/>
      <c r="CC133" s="228"/>
      <c r="CD133" s="228"/>
      <c r="CE133" s="228"/>
      <c r="CF133" s="228"/>
      <c r="CG133" s="228"/>
      <c r="CH133" s="228"/>
      <c r="CI133" s="228"/>
      <c r="CJ133" s="228"/>
      <c r="CK133" s="228"/>
      <c r="CL133" s="228"/>
      <c r="CM133" s="228"/>
      <c r="CN133" s="228"/>
      <c r="CO133" s="228"/>
      <c r="CP133" s="228"/>
      <c r="CQ133" s="228"/>
    </row>
    <row r="134" spans="1:95" s="36" customFormat="1" ht="11.25" customHeight="1" x14ac:dyDescent="0.2">
      <c r="A134" s="34"/>
      <c r="B134" s="34"/>
      <c r="C134" s="34"/>
      <c r="D134" s="34"/>
      <c r="E134" s="34"/>
      <c r="F134" s="34"/>
      <c r="G134" s="34"/>
      <c r="H134" s="34"/>
      <c r="I134" s="34"/>
      <c r="J134" s="34"/>
      <c r="K134" s="34"/>
      <c r="L134" s="34"/>
      <c r="M134" s="34"/>
      <c r="N134" s="34"/>
      <c r="O134" s="34"/>
      <c r="P134" s="34"/>
      <c r="Q134" s="34"/>
      <c r="R134" s="34"/>
      <c r="S134" s="34"/>
      <c r="T134" s="34"/>
      <c r="U134" s="34"/>
      <c r="V134" s="34"/>
      <c r="W134" s="34"/>
      <c r="X134" s="34"/>
      <c r="Y134" s="34"/>
      <c r="Z134" s="34"/>
      <c r="AA134" s="34"/>
      <c r="AB134" s="34"/>
      <c r="AC134" s="34"/>
      <c r="AD134" s="34"/>
      <c r="AE134" s="34"/>
      <c r="AF134" s="34"/>
      <c r="AG134" s="34"/>
      <c r="AH134" s="34"/>
      <c r="AI134" s="34"/>
      <c r="AJ134" s="34"/>
      <c r="AK134" s="34"/>
      <c r="AL134" s="34"/>
      <c r="AM134" s="34"/>
      <c r="AN134" s="34"/>
      <c r="AO134" s="34"/>
      <c r="AP134" s="34"/>
      <c r="AQ134" s="34"/>
      <c r="AR134" s="34"/>
      <c r="AS134" s="34"/>
      <c r="AT134" s="34"/>
      <c r="AU134" s="34"/>
      <c r="AV134" s="34"/>
      <c r="AW134" s="34"/>
      <c r="AX134" s="34"/>
      <c r="AY134" s="34"/>
      <c r="AZ134" s="34"/>
      <c r="BA134" s="34"/>
      <c r="BB134" s="34"/>
      <c r="BC134" s="34"/>
      <c r="BD134" s="34"/>
      <c r="BE134" s="34"/>
      <c r="BF134" s="34"/>
      <c r="BG134" s="34"/>
      <c r="BH134" s="34"/>
      <c r="BI134" s="34"/>
      <c r="BJ134" s="34"/>
      <c r="BK134" s="34"/>
      <c r="BL134" s="34"/>
      <c r="BM134" s="34"/>
      <c r="BN134" s="34"/>
      <c r="BO134" s="34"/>
      <c r="BT134" s="37"/>
    </row>
    <row r="135" spans="1:95" s="36" customFormat="1" ht="11.25" customHeight="1" x14ac:dyDescent="0.2">
      <c r="A135" s="34"/>
      <c r="B135" s="34"/>
      <c r="C135" s="34"/>
      <c r="D135" s="34"/>
      <c r="E135" s="34"/>
      <c r="F135" s="34"/>
      <c r="G135" s="34"/>
      <c r="H135" s="34"/>
      <c r="I135" s="34"/>
      <c r="J135" s="34"/>
      <c r="K135" s="34"/>
      <c r="L135" s="34"/>
      <c r="M135" s="34"/>
      <c r="N135" s="34"/>
      <c r="O135" s="34"/>
      <c r="P135" s="34"/>
      <c r="Q135" s="34"/>
      <c r="R135" s="34"/>
      <c r="S135" s="34"/>
      <c r="T135" s="34"/>
      <c r="U135" s="34"/>
      <c r="V135" s="34"/>
      <c r="W135" s="34"/>
      <c r="X135" s="34"/>
      <c r="Y135" s="34"/>
      <c r="Z135" s="34"/>
      <c r="AA135" s="34"/>
      <c r="AB135" s="34"/>
      <c r="AC135" s="34"/>
      <c r="AD135" s="34"/>
      <c r="AE135" s="34"/>
      <c r="AF135" s="34"/>
      <c r="AG135" s="34"/>
      <c r="AH135" s="34"/>
      <c r="AI135" s="34"/>
      <c r="AJ135" s="34"/>
      <c r="AK135" s="34"/>
      <c r="AL135" s="34"/>
      <c r="AM135" s="34"/>
      <c r="AN135" s="34"/>
      <c r="AO135" s="34"/>
      <c r="AP135" s="34"/>
      <c r="AQ135" s="34"/>
      <c r="AR135" s="34"/>
      <c r="AS135" s="34"/>
      <c r="AT135" s="34"/>
      <c r="AU135" s="34"/>
      <c r="AV135" s="34"/>
      <c r="AW135" s="34"/>
      <c r="AX135" s="34"/>
      <c r="AY135" s="34"/>
      <c r="AZ135" s="34"/>
      <c r="BA135" s="34"/>
      <c r="BB135" s="34"/>
      <c r="BC135" s="34"/>
      <c r="BD135" s="34"/>
      <c r="BE135" s="34"/>
      <c r="BF135" s="34"/>
      <c r="BG135" s="34"/>
      <c r="BH135" s="34"/>
      <c r="BI135" s="34"/>
      <c r="BJ135" s="34"/>
      <c r="BK135" s="34"/>
      <c r="BL135" s="34"/>
      <c r="BM135" s="34"/>
      <c r="BN135" s="34"/>
      <c r="BO135" s="34"/>
      <c r="BT135" s="37"/>
    </row>
    <row r="136" spans="1:95" s="36" customFormat="1" ht="11.25" customHeight="1" x14ac:dyDescent="0.2">
      <c r="A136" s="34"/>
      <c r="B136" s="34"/>
      <c r="C136" s="34"/>
      <c r="D136" s="34"/>
      <c r="E136" s="34"/>
      <c r="F136" s="34"/>
      <c r="G136" s="34"/>
      <c r="H136" s="34"/>
      <c r="I136" s="34"/>
      <c r="J136" s="34"/>
      <c r="K136" s="34"/>
      <c r="L136" s="34"/>
      <c r="M136" s="34"/>
      <c r="N136" s="34"/>
      <c r="O136" s="34"/>
      <c r="P136" s="34"/>
      <c r="Q136" s="34"/>
      <c r="R136" s="34"/>
      <c r="S136" s="34"/>
      <c r="T136" s="34"/>
      <c r="U136" s="34"/>
      <c r="V136" s="34"/>
      <c r="W136" s="34"/>
      <c r="X136" s="34"/>
      <c r="Y136" s="34"/>
      <c r="Z136" s="34"/>
      <c r="AA136" s="34"/>
      <c r="AB136" s="34"/>
      <c r="AC136" s="34"/>
      <c r="AD136" s="34"/>
      <c r="AE136" s="34"/>
      <c r="AF136" s="34"/>
      <c r="AG136" s="34"/>
      <c r="AH136" s="34"/>
      <c r="AI136" s="34"/>
      <c r="AJ136" s="34"/>
      <c r="AK136" s="34"/>
      <c r="AL136" s="34"/>
      <c r="AM136" s="34"/>
      <c r="AN136" s="34"/>
      <c r="AO136" s="34"/>
      <c r="AP136" s="34"/>
      <c r="AQ136" s="34"/>
      <c r="AR136" s="34"/>
      <c r="AS136" s="34"/>
      <c r="AT136" s="34"/>
      <c r="AU136" s="34"/>
      <c r="AV136" s="34"/>
      <c r="AW136" s="34"/>
      <c r="AX136" s="34"/>
      <c r="AY136" s="34"/>
      <c r="AZ136" s="34"/>
      <c r="BA136" s="34"/>
      <c r="BB136" s="34"/>
      <c r="BC136" s="34"/>
      <c r="BD136" s="34"/>
      <c r="BE136" s="34"/>
      <c r="BF136" s="34"/>
      <c r="BG136" s="34"/>
      <c r="BH136" s="34"/>
      <c r="BI136" s="34"/>
      <c r="BJ136" s="34"/>
      <c r="BK136" s="34"/>
      <c r="BL136" s="34"/>
      <c r="BM136" s="34"/>
      <c r="BN136" s="34"/>
      <c r="BO136" s="34"/>
      <c r="BT136" s="37"/>
    </row>
    <row r="137" spans="1:95" s="36" customFormat="1" ht="11.25" customHeight="1" x14ac:dyDescent="0.2">
      <c r="A137" s="34"/>
      <c r="B137" s="34"/>
      <c r="C137" s="34"/>
      <c r="D137" s="34"/>
      <c r="E137" s="34"/>
      <c r="F137" s="34"/>
      <c r="G137" s="34"/>
      <c r="H137" s="34"/>
      <c r="I137" s="34"/>
      <c r="J137" s="34"/>
      <c r="K137" s="34"/>
      <c r="L137" s="34"/>
      <c r="M137" s="34"/>
      <c r="N137" s="34"/>
      <c r="O137" s="34"/>
      <c r="P137" s="34"/>
      <c r="Q137" s="34"/>
      <c r="R137" s="34"/>
      <c r="S137" s="34"/>
      <c r="T137" s="34"/>
      <c r="U137" s="34"/>
      <c r="V137" s="34"/>
      <c r="W137" s="34"/>
      <c r="X137" s="34"/>
      <c r="Y137" s="34"/>
      <c r="Z137" s="34"/>
      <c r="AA137" s="34"/>
      <c r="AB137" s="34"/>
      <c r="AC137" s="34"/>
      <c r="AD137" s="34"/>
      <c r="AE137" s="34"/>
      <c r="AF137" s="34"/>
      <c r="AG137" s="34"/>
      <c r="AH137" s="34"/>
      <c r="AI137" s="34"/>
      <c r="AJ137" s="34"/>
      <c r="AK137" s="34"/>
      <c r="AL137" s="34"/>
      <c r="AM137" s="34"/>
      <c r="AN137" s="34"/>
      <c r="AO137" s="34"/>
      <c r="AP137" s="34"/>
      <c r="AQ137" s="34"/>
      <c r="AR137" s="34"/>
      <c r="AS137" s="34"/>
      <c r="AT137" s="34"/>
      <c r="AU137" s="34"/>
      <c r="AV137" s="34"/>
      <c r="AW137" s="34"/>
      <c r="AX137" s="34"/>
      <c r="AY137" s="34"/>
      <c r="AZ137" s="34"/>
      <c r="BA137" s="34"/>
      <c r="BB137" s="34"/>
      <c r="BC137" s="34"/>
      <c r="BD137" s="34"/>
      <c r="BE137" s="34"/>
      <c r="BF137" s="34"/>
      <c r="BG137" s="34"/>
      <c r="BH137" s="34"/>
      <c r="BI137" s="34"/>
      <c r="BJ137" s="34"/>
      <c r="BK137" s="34"/>
      <c r="BL137" s="34"/>
      <c r="BM137" s="34"/>
      <c r="BN137" s="34"/>
      <c r="BO137" s="34"/>
      <c r="BT137" s="37"/>
    </row>
    <row r="138" spans="1:95" s="36" customFormat="1" ht="11.25" customHeight="1" x14ac:dyDescent="0.2">
      <c r="A138" s="34"/>
      <c r="B138" s="34"/>
      <c r="C138" s="34"/>
      <c r="D138" s="34"/>
      <c r="E138" s="34"/>
      <c r="F138" s="34"/>
      <c r="G138" s="34"/>
      <c r="H138" s="34"/>
      <c r="I138" s="34"/>
      <c r="J138" s="34"/>
      <c r="K138" s="34"/>
      <c r="L138" s="34"/>
      <c r="M138" s="34"/>
      <c r="N138" s="34"/>
      <c r="O138" s="34"/>
      <c r="P138" s="34"/>
      <c r="Q138" s="34"/>
      <c r="R138" s="34"/>
      <c r="S138" s="34"/>
      <c r="T138" s="34"/>
      <c r="U138" s="34"/>
      <c r="V138" s="34"/>
      <c r="W138" s="34"/>
      <c r="X138" s="34"/>
      <c r="Y138" s="34"/>
      <c r="Z138" s="34"/>
      <c r="AA138" s="34"/>
      <c r="AB138" s="34"/>
      <c r="AC138" s="34"/>
      <c r="AD138" s="34"/>
      <c r="AE138" s="34"/>
      <c r="AF138" s="34"/>
      <c r="AG138" s="34"/>
      <c r="AH138" s="34"/>
      <c r="AI138" s="34"/>
      <c r="AJ138" s="34"/>
      <c r="AK138" s="34"/>
      <c r="AL138" s="34"/>
      <c r="AM138" s="34"/>
      <c r="AN138" s="34"/>
      <c r="AO138" s="34"/>
      <c r="AP138" s="34"/>
      <c r="AQ138" s="34"/>
      <c r="AR138" s="34"/>
      <c r="AS138" s="34"/>
      <c r="AT138" s="34"/>
      <c r="AU138" s="34"/>
      <c r="AV138" s="34"/>
      <c r="AW138" s="34"/>
      <c r="AX138" s="34"/>
      <c r="AY138" s="34"/>
      <c r="AZ138" s="34"/>
      <c r="BA138" s="34"/>
      <c r="BB138" s="34"/>
      <c r="BC138" s="34"/>
      <c r="BD138" s="34"/>
      <c r="BE138" s="34"/>
      <c r="BF138" s="34"/>
      <c r="BG138" s="34"/>
      <c r="BH138" s="34"/>
      <c r="BI138" s="34"/>
      <c r="BJ138" s="34"/>
      <c r="BK138" s="34"/>
      <c r="BL138" s="34"/>
      <c r="BM138" s="34"/>
      <c r="BN138" s="34"/>
      <c r="BO138" s="34"/>
      <c r="BT138" s="37"/>
    </row>
    <row r="139" spans="1:95" s="36" customFormat="1" ht="11.25" customHeight="1" x14ac:dyDescent="0.2">
      <c r="A139" s="37"/>
      <c r="B139" s="37"/>
      <c r="C139" s="37"/>
      <c r="D139" s="37"/>
      <c r="E139" s="37"/>
      <c r="F139" s="37"/>
      <c r="G139" s="37"/>
      <c r="H139" s="37"/>
      <c r="I139" s="37"/>
      <c r="J139" s="37"/>
      <c r="K139" s="37"/>
      <c r="L139" s="37"/>
      <c r="M139" s="37"/>
      <c r="N139" s="37"/>
      <c r="O139" s="37"/>
      <c r="P139" s="37"/>
      <c r="Q139" s="37"/>
      <c r="R139" s="37"/>
      <c r="S139" s="37"/>
      <c r="T139" s="37"/>
      <c r="U139" s="37"/>
      <c r="V139" s="37"/>
      <c r="W139" s="37"/>
      <c r="X139" s="37"/>
      <c r="Y139" s="37"/>
      <c r="Z139" s="37"/>
      <c r="AA139" s="37"/>
      <c r="AB139" s="37"/>
      <c r="AC139" s="37"/>
      <c r="AD139" s="37"/>
      <c r="AE139" s="37"/>
      <c r="AF139" s="37"/>
      <c r="AG139" s="37"/>
      <c r="AH139" s="37"/>
      <c r="AI139" s="37"/>
      <c r="AJ139" s="37"/>
      <c r="AK139" s="37"/>
      <c r="AL139" s="37"/>
      <c r="AM139" s="37"/>
      <c r="AN139" s="37"/>
      <c r="AO139" s="37"/>
      <c r="AP139" s="37"/>
      <c r="AQ139" s="37"/>
      <c r="AR139" s="37"/>
      <c r="AS139" s="37"/>
      <c r="AT139" s="37"/>
      <c r="AU139" s="37"/>
      <c r="AV139" s="37"/>
      <c r="AW139" s="37"/>
      <c r="AX139" s="37"/>
      <c r="AY139" s="37"/>
      <c r="AZ139" s="37"/>
      <c r="BA139" s="37"/>
      <c r="BB139" s="37"/>
      <c r="BC139" s="37"/>
      <c r="BD139" s="37"/>
      <c r="BE139" s="37"/>
      <c r="BF139" s="37"/>
      <c r="BG139" s="37"/>
      <c r="BH139" s="37"/>
      <c r="BI139" s="37"/>
      <c r="BJ139" s="37"/>
      <c r="BK139" s="37"/>
      <c r="BL139" s="37"/>
      <c r="BM139" s="37"/>
      <c r="BN139" s="37"/>
      <c r="BO139" s="37"/>
      <c r="BT139" s="37"/>
    </row>
    <row r="140" spans="1:95" s="36" customFormat="1" ht="9.75" customHeight="1" x14ac:dyDescent="0.2">
      <c r="A140" s="37"/>
      <c r="B140" s="37"/>
      <c r="C140" s="37"/>
      <c r="D140" s="37"/>
      <c r="E140" s="37"/>
      <c r="F140" s="37"/>
      <c r="G140" s="37"/>
      <c r="H140" s="37"/>
      <c r="I140" s="37"/>
      <c r="J140" s="37"/>
      <c r="K140" s="37"/>
      <c r="L140" s="37"/>
      <c r="M140" s="37"/>
      <c r="N140" s="37"/>
      <c r="O140" s="37"/>
      <c r="P140" s="37"/>
      <c r="Q140" s="37"/>
      <c r="R140" s="37"/>
      <c r="S140" s="37"/>
      <c r="T140" s="37"/>
      <c r="U140" s="37"/>
      <c r="V140" s="37"/>
      <c r="W140" s="37"/>
      <c r="X140" s="37"/>
      <c r="Y140" s="37"/>
      <c r="Z140" s="37"/>
      <c r="AA140" s="37"/>
      <c r="AB140" s="37"/>
      <c r="AC140" s="37"/>
      <c r="AD140" s="37"/>
      <c r="AE140" s="37"/>
      <c r="AF140" s="37"/>
      <c r="AG140" s="37"/>
      <c r="AH140" s="37"/>
      <c r="AI140" s="37"/>
      <c r="AJ140" s="37"/>
      <c r="AK140" s="37"/>
      <c r="AL140" s="37"/>
      <c r="AM140" s="37"/>
      <c r="AN140" s="37"/>
      <c r="AO140" s="37"/>
      <c r="AP140" s="37"/>
      <c r="AQ140" s="37"/>
      <c r="AR140" s="37"/>
      <c r="AS140" s="37"/>
      <c r="AT140" s="37"/>
      <c r="AU140" s="37"/>
      <c r="AV140" s="37"/>
      <c r="AW140" s="37"/>
      <c r="AX140" s="37"/>
      <c r="AY140" s="37"/>
      <c r="AZ140" s="37"/>
      <c r="BA140" s="37"/>
      <c r="BB140" s="37"/>
      <c r="BC140" s="37"/>
      <c r="BD140" s="37"/>
      <c r="BE140" s="37"/>
      <c r="BF140" s="37"/>
      <c r="BG140" s="37"/>
      <c r="BH140" s="37"/>
      <c r="BI140" s="37"/>
      <c r="BJ140" s="37"/>
      <c r="BK140" s="37"/>
      <c r="BL140" s="37"/>
      <c r="BM140" s="37"/>
      <c r="BN140" s="37"/>
      <c r="BO140" s="37"/>
      <c r="BT140" s="37"/>
    </row>
    <row r="141" spans="1:95" s="36" customFormat="1" ht="13.5" customHeight="1" x14ac:dyDescent="0.2">
      <c r="A141" s="37"/>
      <c r="B141" s="37"/>
      <c r="C141" s="37"/>
      <c r="D141" s="37"/>
      <c r="E141" s="37"/>
      <c r="F141" s="37"/>
      <c r="G141" s="37"/>
      <c r="H141" s="37"/>
      <c r="I141" s="37"/>
      <c r="J141" s="37"/>
      <c r="K141" s="37"/>
      <c r="L141" s="37"/>
      <c r="M141" s="37"/>
      <c r="N141" s="37"/>
      <c r="O141" s="37"/>
      <c r="P141" s="37"/>
      <c r="Q141" s="37"/>
      <c r="R141" s="37"/>
      <c r="S141" s="37"/>
      <c r="T141" s="37"/>
      <c r="U141" s="37"/>
      <c r="V141" s="37"/>
      <c r="W141" s="37"/>
      <c r="X141" s="37"/>
      <c r="Y141" s="37"/>
      <c r="Z141" s="37"/>
      <c r="AA141" s="37"/>
      <c r="AB141" s="37"/>
      <c r="AC141" s="37"/>
      <c r="AD141" s="37"/>
      <c r="AE141" s="37"/>
      <c r="AF141" s="37"/>
      <c r="AG141" s="37"/>
      <c r="AH141" s="37"/>
      <c r="AI141" s="37"/>
      <c r="AJ141" s="37"/>
      <c r="AK141" s="37"/>
      <c r="AL141" s="37"/>
      <c r="AM141" s="37"/>
      <c r="AN141" s="37"/>
      <c r="AO141" s="37"/>
      <c r="AP141" s="37"/>
      <c r="AQ141" s="37"/>
      <c r="AR141" s="37"/>
      <c r="AS141" s="37"/>
      <c r="AT141" s="37"/>
      <c r="AU141" s="37"/>
      <c r="AV141" s="37"/>
      <c r="AW141" s="37"/>
      <c r="AX141" s="37"/>
      <c r="AY141" s="37"/>
      <c r="AZ141" s="37"/>
      <c r="BA141" s="37"/>
      <c r="BB141" s="37"/>
      <c r="BC141" s="37"/>
      <c r="BD141" s="37"/>
      <c r="BE141" s="37"/>
      <c r="BF141" s="37"/>
      <c r="BG141" s="37"/>
      <c r="BH141" s="37"/>
      <c r="BI141" s="37"/>
      <c r="BJ141" s="37"/>
      <c r="BK141" s="37"/>
      <c r="BL141" s="37"/>
      <c r="BM141" s="37"/>
      <c r="BN141" s="37"/>
      <c r="BO141" s="37"/>
      <c r="BT141" s="37"/>
    </row>
    <row r="142" spans="1:95" s="36" customFormat="1" ht="5.25" customHeight="1" x14ac:dyDescent="0.2">
      <c r="A142" s="37"/>
      <c r="B142" s="37"/>
      <c r="C142" s="37"/>
      <c r="D142" s="37"/>
      <c r="E142" s="37"/>
      <c r="F142" s="37"/>
      <c r="G142" s="37"/>
      <c r="H142" s="37"/>
      <c r="I142" s="37"/>
      <c r="J142" s="37"/>
      <c r="K142" s="37"/>
      <c r="L142" s="37"/>
      <c r="M142" s="37"/>
      <c r="N142" s="37"/>
      <c r="O142" s="37"/>
      <c r="P142" s="37"/>
      <c r="Q142" s="37"/>
      <c r="R142" s="37"/>
      <c r="S142" s="37"/>
      <c r="T142" s="37"/>
      <c r="U142" s="37"/>
      <c r="V142" s="37"/>
      <c r="W142" s="37"/>
      <c r="X142" s="37"/>
      <c r="Y142" s="37"/>
      <c r="Z142" s="37"/>
      <c r="AA142" s="37"/>
      <c r="AB142" s="37"/>
      <c r="AC142" s="37"/>
      <c r="AD142" s="37"/>
      <c r="AE142" s="37"/>
      <c r="AF142" s="37"/>
      <c r="AG142" s="37"/>
      <c r="AH142" s="37"/>
      <c r="AI142" s="37"/>
      <c r="AJ142" s="37"/>
      <c r="AK142" s="37"/>
      <c r="AL142" s="37"/>
      <c r="AM142" s="37"/>
      <c r="AN142" s="37"/>
      <c r="AO142" s="37"/>
      <c r="AP142" s="37"/>
      <c r="AQ142" s="37"/>
      <c r="AR142" s="37"/>
      <c r="AS142" s="37"/>
      <c r="AT142" s="37"/>
      <c r="AU142" s="37"/>
      <c r="AV142" s="37"/>
      <c r="AW142" s="37"/>
      <c r="AX142" s="37"/>
      <c r="AY142" s="37"/>
      <c r="AZ142" s="37"/>
      <c r="BA142" s="37"/>
      <c r="BB142" s="37"/>
      <c r="BC142" s="37"/>
      <c r="BD142" s="37"/>
      <c r="BE142" s="37"/>
      <c r="BF142" s="37"/>
      <c r="BG142" s="37"/>
      <c r="BH142" s="37"/>
      <c r="BI142" s="37"/>
      <c r="BJ142" s="37"/>
      <c r="BK142" s="37"/>
      <c r="BL142" s="37"/>
      <c r="BM142" s="37"/>
      <c r="BN142" s="37"/>
      <c r="BO142" s="37"/>
      <c r="BT142" s="37"/>
    </row>
    <row r="143" spans="1:95" s="36" customFormat="1" ht="6.75" customHeight="1" x14ac:dyDescent="0.2">
      <c r="A143" s="37"/>
      <c r="B143" s="37"/>
      <c r="C143" s="37"/>
      <c r="D143" s="37"/>
      <c r="E143" s="37"/>
      <c r="F143" s="37"/>
      <c r="G143" s="37"/>
      <c r="H143" s="37"/>
      <c r="I143" s="37"/>
      <c r="J143" s="37"/>
      <c r="K143" s="37"/>
      <c r="L143" s="37"/>
      <c r="M143" s="37"/>
      <c r="N143" s="37"/>
      <c r="O143" s="37"/>
      <c r="P143" s="37"/>
      <c r="Q143" s="37"/>
      <c r="R143" s="37"/>
      <c r="S143" s="37"/>
      <c r="T143" s="37"/>
      <c r="U143" s="37"/>
      <c r="V143" s="37"/>
      <c r="W143" s="37"/>
      <c r="X143" s="37"/>
      <c r="Y143" s="37"/>
      <c r="Z143" s="37"/>
      <c r="AA143" s="37"/>
      <c r="AB143" s="37"/>
      <c r="AC143" s="37"/>
      <c r="AD143" s="37"/>
      <c r="AE143" s="37"/>
      <c r="AF143" s="37"/>
      <c r="AG143" s="37"/>
      <c r="AH143" s="37"/>
      <c r="AI143" s="37"/>
      <c r="AJ143" s="37"/>
      <c r="AK143" s="37"/>
      <c r="AL143" s="37"/>
      <c r="AM143" s="37"/>
      <c r="AN143" s="37"/>
      <c r="AO143" s="37"/>
      <c r="AP143" s="37"/>
      <c r="AQ143" s="37"/>
      <c r="AR143" s="37"/>
      <c r="AS143" s="37"/>
      <c r="AT143" s="37"/>
      <c r="AU143" s="37"/>
      <c r="AV143" s="37"/>
      <c r="AW143" s="37"/>
      <c r="AX143" s="37"/>
      <c r="AY143" s="37"/>
      <c r="AZ143" s="37"/>
      <c r="BA143" s="37"/>
      <c r="BB143" s="37"/>
      <c r="BC143" s="37"/>
      <c r="BD143" s="37"/>
      <c r="BE143" s="37"/>
      <c r="BF143" s="37"/>
      <c r="BG143" s="37"/>
      <c r="BH143" s="37"/>
      <c r="BI143" s="37"/>
      <c r="BJ143" s="37"/>
      <c r="BK143" s="37"/>
      <c r="BL143" s="37"/>
      <c r="BM143" s="37"/>
      <c r="BN143" s="37"/>
      <c r="BO143" s="37"/>
      <c r="BT143" s="37"/>
    </row>
    <row r="144" spans="1:95" s="36" customFormat="1" ht="6.75" customHeight="1" x14ac:dyDescent="0.2">
      <c r="A144" s="37"/>
      <c r="B144" s="37"/>
      <c r="C144" s="37"/>
      <c r="D144" s="37"/>
      <c r="E144" s="37"/>
      <c r="F144" s="37"/>
      <c r="G144" s="37"/>
      <c r="H144" s="37"/>
      <c r="I144" s="37"/>
      <c r="J144" s="37"/>
      <c r="K144" s="37"/>
      <c r="L144" s="37"/>
      <c r="M144" s="37"/>
      <c r="N144" s="37"/>
      <c r="O144" s="37"/>
      <c r="P144" s="37"/>
      <c r="Q144" s="37"/>
      <c r="R144" s="37"/>
      <c r="S144" s="37"/>
      <c r="T144" s="37"/>
      <c r="U144" s="37"/>
      <c r="V144" s="37"/>
      <c r="W144" s="37"/>
      <c r="X144" s="37"/>
      <c r="Y144" s="37"/>
      <c r="Z144" s="37"/>
      <c r="AA144" s="37"/>
      <c r="AB144" s="37"/>
      <c r="AC144" s="37"/>
      <c r="AD144" s="37"/>
      <c r="AE144" s="37"/>
      <c r="AF144" s="37"/>
      <c r="AG144" s="37"/>
      <c r="AH144" s="37"/>
      <c r="AI144" s="37"/>
      <c r="AJ144" s="37"/>
      <c r="AK144" s="37"/>
      <c r="AL144" s="37"/>
      <c r="AM144" s="37"/>
      <c r="AN144" s="37"/>
      <c r="AO144" s="37"/>
      <c r="AP144" s="37"/>
      <c r="AQ144" s="37"/>
      <c r="AR144" s="37"/>
      <c r="AS144" s="37"/>
      <c r="AT144" s="37"/>
      <c r="AU144" s="37"/>
      <c r="AV144" s="37"/>
      <c r="AW144" s="37"/>
      <c r="AX144" s="37"/>
      <c r="AY144" s="37"/>
      <c r="AZ144" s="37"/>
      <c r="BA144" s="37"/>
      <c r="BB144" s="37"/>
      <c r="BC144" s="37"/>
      <c r="BD144" s="37"/>
      <c r="BE144" s="37"/>
      <c r="BF144" s="37"/>
      <c r="BG144" s="37"/>
      <c r="BH144" s="37"/>
      <c r="BI144" s="37"/>
      <c r="BJ144" s="37"/>
      <c r="BK144" s="37"/>
      <c r="BL144" s="37"/>
      <c r="BM144" s="37"/>
      <c r="BN144" s="37"/>
      <c r="BO144" s="37"/>
      <c r="BT144" s="37"/>
    </row>
    <row r="145" spans="1:72" s="36" customFormat="1" ht="6.75" customHeight="1" x14ac:dyDescent="0.2">
      <c r="A145" s="37"/>
      <c r="B145" s="37"/>
      <c r="C145" s="37"/>
      <c r="D145" s="37"/>
      <c r="E145" s="37"/>
      <c r="F145" s="37"/>
      <c r="G145" s="37"/>
      <c r="H145" s="37"/>
      <c r="I145" s="37"/>
      <c r="J145" s="37"/>
      <c r="K145" s="37"/>
      <c r="L145" s="37"/>
      <c r="M145" s="37"/>
      <c r="N145" s="37"/>
      <c r="O145" s="37"/>
      <c r="P145" s="37"/>
      <c r="Q145" s="37"/>
      <c r="R145" s="37"/>
      <c r="S145" s="37"/>
      <c r="T145" s="37"/>
      <c r="U145" s="37"/>
      <c r="V145" s="37"/>
      <c r="W145" s="37"/>
      <c r="X145" s="37"/>
      <c r="Y145" s="37"/>
      <c r="Z145" s="37"/>
      <c r="AA145" s="37"/>
      <c r="AB145" s="37"/>
      <c r="AC145" s="37"/>
      <c r="AD145" s="37"/>
      <c r="AE145" s="37"/>
      <c r="AF145" s="37"/>
      <c r="AG145" s="37"/>
      <c r="AH145" s="37"/>
      <c r="AI145" s="37"/>
      <c r="AJ145" s="37"/>
      <c r="AK145" s="37"/>
      <c r="AL145" s="37"/>
      <c r="AM145" s="37"/>
      <c r="AN145" s="37"/>
      <c r="AO145" s="37"/>
      <c r="AP145" s="37"/>
      <c r="AQ145" s="37"/>
      <c r="AR145" s="37"/>
      <c r="AS145" s="37"/>
      <c r="AT145" s="37"/>
      <c r="AU145" s="37"/>
      <c r="AV145" s="37"/>
      <c r="AW145" s="37"/>
      <c r="AX145" s="37"/>
      <c r="AY145" s="37"/>
      <c r="AZ145" s="37"/>
      <c r="BA145" s="37"/>
      <c r="BB145" s="37"/>
      <c r="BC145" s="37"/>
      <c r="BD145" s="37"/>
      <c r="BE145" s="37"/>
      <c r="BF145" s="37"/>
      <c r="BG145" s="37"/>
      <c r="BH145" s="37"/>
      <c r="BI145" s="37"/>
      <c r="BJ145" s="37"/>
      <c r="BK145" s="37"/>
      <c r="BL145" s="37"/>
      <c r="BM145" s="37"/>
      <c r="BN145" s="37"/>
      <c r="BO145" s="37"/>
      <c r="BP145" s="37"/>
      <c r="BQ145" s="37"/>
      <c r="BR145" s="37"/>
      <c r="BS145" s="37"/>
      <c r="BT145" s="37"/>
    </row>
    <row r="146" spans="1:72" s="36" customFormat="1" ht="5.25" customHeight="1" x14ac:dyDescent="0.2">
      <c r="A146" s="37"/>
      <c r="B146" s="37"/>
      <c r="C146" s="37"/>
      <c r="D146" s="37"/>
      <c r="E146" s="37"/>
      <c r="F146" s="37"/>
      <c r="G146" s="37"/>
      <c r="H146" s="37"/>
      <c r="I146" s="37"/>
      <c r="J146" s="37"/>
      <c r="K146" s="37"/>
      <c r="L146" s="37"/>
      <c r="M146" s="37"/>
      <c r="N146" s="37"/>
      <c r="O146" s="37"/>
      <c r="P146" s="37"/>
      <c r="Q146" s="37"/>
      <c r="R146" s="37"/>
      <c r="S146" s="37"/>
      <c r="T146" s="37"/>
      <c r="U146" s="37"/>
      <c r="V146" s="37"/>
      <c r="W146" s="37"/>
      <c r="X146" s="37"/>
      <c r="Y146" s="37"/>
      <c r="Z146" s="37"/>
      <c r="AA146" s="37"/>
      <c r="AB146" s="37"/>
      <c r="AC146" s="37"/>
      <c r="AD146" s="37"/>
      <c r="AE146" s="37"/>
      <c r="AF146" s="37"/>
      <c r="AG146" s="37"/>
      <c r="AH146" s="37"/>
      <c r="AI146" s="37"/>
      <c r="AJ146" s="37"/>
      <c r="AK146" s="37"/>
      <c r="AL146" s="37"/>
      <c r="AM146" s="37"/>
      <c r="AN146" s="37"/>
      <c r="AO146" s="37"/>
      <c r="AP146" s="37"/>
      <c r="AQ146" s="37"/>
      <c r="AR146" s="37"/>
      <c r="AS146" s="37"/>
      <c r="AT146" s="37"/>
      <c r="AU146" s="37"/>
      <c r="AV146" s="37"/>
      <c r="AW146" s="37"/>
      <c r="AX146" s="37"/>
      <c r="AY146" s="37"/>
      <c r="AZ146" s="37"/>
      <c r="BA146" s="37"/>
      <c r="BB146" s="37"/>
      <c r="BC146" s="37"/>
      <c r="BD146" s="37"/>
      <c r="BE146" s="37"/>
      <c r="BF146" s="37"/>
      <c r="BG146" s="37"/>
      <c r="BH146" s="37"/>
      <c r="BI146" s="37"/>
      <c r="BJ146" s="37"/>
      <c r="BK146" s="37"/>
      <c r="BL146" s="37"/>
      <c r="BM146" s="37"/>
      <c r="BN146" s="37"/>
      <c r="BO146" s="37"/>
      <c r="BP146" s="37"/>
      <c r="BQ146" s="37"/>
      <c r="BR146" s="37"/>
      <c r="BS146" s="37"/>
      <c r="BT146" s="37"/>
    </row>
    <row r="147" spans="1:72" s="36" customFormat="1" ht="10" customHeight="1" x14ac:dyDescent="0.2">
      <c r="A147" s="37"/>
      <c r="B147" s="37"/>
      <c r="C147" s="37"/>
      <c r="D147" s="37"/>
      <c r="E147" s="37"/>
      <c r="F147" s="37"/>
      <c r="G147" s="37"/>
      <c r="H147" s="37"/>
      <c r="I147" s="37"/>
      <c r="J147" s="37"/>
      <c r="K147" s="37"/>
      <c r="L147" s="37"/>
      <c r="M147" s="37"/>
      <c r="N147" s="37"/>
      <c r="O147" s="37"/>
      <c r="P147" s="37"/>
      <c r="Q147" s="37"/>
      <c r="R147" s="37"/>
      <c r="S147" s="37"/>
      <c r="T147" s="37"/>
      <c r="U147" s="37"/>
      <c r="V147" s="37"/>
      <c r="W147" s="37"/>
      <c r="X147" s="37"/>
      <c r="Y147" s="37"/>
      <c r="Z147" s="37"/>
      <c r="AA147" s="37"/>
      <c r="AB147" s="37"/>
      <c r="AC147" s="37"/>
      <c r="AD147" s="37"/>
      <c r="AE147" s="37"/>
      <c r="AF147" s="37"/>
      <c r="AG147" s="37"/>
      <c r="AH147" s="37"/>
      <c r="AI147" s="37"/>
      <c r="AJ147" s="37"/>
      <c r="AK147" s="37"/>
      <c r="AL147" s="37"/>
      <c r="AM147" s="37"/>
      <c r="AN147" s="37"/>
      <c r="AO147" s="37"/>
      <c r="AP147" s="37"/>
      <c r="AQ147" s="37"/>
      <c r="AR147" s="37"/>
      <c r="AS147" s="37"/>
      <c r="AT147" s="37"/>
      <c r="AU147" s="37"/>
      <c r="AV147" s="37"/>
      <c r="AW147" s="37"/>
      <c r="AX147" s="37"/>
      <c r="AY147" s="37"/>
      <c r="AZ147" s="37"/>
      <c r="BA147" s="37"/>
      <c r="BB147" s="37"/>
      <c r="BC147" s="37"/>
      <c r="BD147" s="37"/>
      <c r="BE147" s="37"/>
      <c r="BF147" s="37"/>
      <c r="BG147" s="37"/>
      <c r="BH147" s="37"/>
      <c r="BI147" s="37"/>
      <c r="BJ147" s="37"/>
      <c r="BK147" s="37"/>
      <c r="BL147" s="37"/>
      <c r="BM147" s="37"/>
      <c r="BN147" s="37"/>
      <c r="BO147" s="37"/>
      <c r="BP147" s="37"/>
      <c r="BQ147" s="37"/>
      <c r="BR147" s="37"/>
      <c r="BS147" s="37"/>
      <c r="BT147" s="37"/>
    </row>
    <row r="148" spans="1:72" s="36" customFormat="1" ht="10" customHeight="1" x14ac:dyDescent="0.2">
      <c r="A148" s="37"/>
      <c r="B148" s="37"/>
      <c r="C148" s="37"/>
      <c r="D148" s="37"/>
      <c r="E148" s="37"/>
      <c r="F148" s="37"/>
      <c r="G148" s="37"/>
      <c r="H148" s="37"/>
      <c r="I148" s="37"/>
      <c r="J148" s="37"/>
      <c r="K148" s="37"/>
      <c r="L148" s="37"/>
      <c r="M148" s="37"/>
      <c r="N148" s="37"/>
      <c r="O148" s="37"/>
      <c r="P148" s="37"/>
      <c r="Q148" s="37"/>
      <c r="R148" s="37"/>
      <c r="S148" s="37"/>
      <c r="T148" s="37"/>
      <c r="U148" s="37"/>
      <c r="V148" s="37"/>
      <c r="W148" s="37"/>
      <c r="X148" s="37"/>
      <c r="Y148" s="37"/>
      <c r="Z148" s="37"/>
      <c r="AA148" s="37"/>
      <c r="AB148" s="37"/>
      <c r="AC148" s="37"/>
      <c r="AD148" s="37"/>
      <c r="AE148" s="37"/>
      <c r="AF148" s="37"/>
      <c r="AG148" s="37"/>
      <c r="AH148" s="37"/>
      <c r="AI148" s="37"/>
      <c r="AJ148" s="37"/>
      <c r="AK148" s="37"/>
      <c r="AL148" s="37"/>
      <c r="AM148" s="37"/>
      <c r="AN148" s="37"/>
      <c r="AO148" s="37"/>
      <c r="AP148" s="37"/>
      <c r="AQ148" s="37"/>
      <c r="AR148" s="37"/>
      <c r="AS148" s="37"/>
      <c r="AT148" s="37"/>
      <c r="AU148" s="37"/>
      <c r="AV148" s="37"/>
      <c r="AW148" s="37"/>
      <c r="AX148" s="37"/>
      <c r="AY148" s="37"/>
      <c r="AZ148" s="37"/>
      <c r="BA148" s="37"/>
      <c r="BB148" s="37"/>
      <c r="BC148" s="37"/>
      <c r="BD148" s="37"/>
      <c r="BE148" s="37"/>
      <c r="BF148" s="37"/>
      <c r="BG148" s="37"/>
      <c r="BH148" s="37"/>
      <c r="BI148" s="37"/>
      <c r="BJ148" s="37"/>
      <c r="BK148" s="37"/>
      <c r="BL148" s="37"/>
      <c r="BM148" s="37"/>
      <c r="BN148" s="37"/>
      <c r="BO148" s="37"/>
      <c r="BP148" s="37"/>
      <c r="BQ148" s="37"/>
      <c r="BR148" s="37"/>
      <c r="BS148" s="37"/>
      <c r="BT148" s="37"/>
    </row>
    <row r="149" spans="1:72" s="36" customFormat="1" ht="10" customHeight="1" x14ac:dyDescent="0.2">
      <c r="A149" s="37"/>
      <c r="B149" s="37"/>
      <c r="C149" s="37"/>
      <c r="D149" s="37"/>
      <c r="E149" s="37"/>
      <c r="F149" s="37"/>
      <c r="G149" s="37"/>
      <c r="H149" s="37"/>
      <c r="I149" s="37"/>
      <c r="J149" s="37"/>
      <c r="K149" s="37"/>
      <c r="L149" s="37"/>
      <c r="M149" s="37"/>
      <c r="N149" s="37"/>
      <c r="O149" s="37"/>
      <c r="P149" s="37"/>
      <c r="Q149" s="37"/>
      <c r="R149" s="37"/>
      <c r="S149" s="37"/>
      <c r="T149" s="37"/>
      <c r="U149" s="37"/>
      <c r="V149" s="37"/>
      <c r="W149" s="37"/>
      <c r="X149" s="37"/>
      <c r="Y149" s="37"/>
      <c r="Z149" s="37"/>
      <c r="AA149" s="37"/>
      <c r="AB149" s="37"/>
      <c r="AC149" s="37"/>
      <c r="AD149" s="37"/>
      <c r="AE149" s="37"/>
      <c r="AF149" s="37"/>
      <c r="AG149" s="37"/>
      <c r="AH149" s="37"/>
      <c r="AI149" s="37"/>
      <c r="AJ149" s="37"/>
      <c r="AK149" s="37"/>
      <c r="AL149" s="37"/>
      <c r="AM149" s="37"/>
      <c r="AN149" s="37"/>
      <c r="AO149" s="37"/>
      <c r="AP149" s="37"/>
      <c r="AQ149" s="37"/>
      <c r="AR149" s="37"/>
      <c r="AS149" s="37"/>
      <c r="AT149" s="37"/>
      <c r="AU149" s="37"/>
      <c r="AV149" s="37"/>
      <c r="AW149" s="37"/>
      <c r="AX149" s="37"/>
      <c r="AY149" s="37"/>
      <c r="AZ149" s="37"/>
      <c r="BA149" s="37"/>
      <c r="BB149" s="37"/>
      <c r="BC149" s="37"/>
      <c r="BD149" s="37"/>
      <c r="BE149" s="37"/>
      <c r="BF149" s="37"/>
      <c r="BG149" s="37"/>
      <c r="BH149" s="37"/>
      <c r="BI149" s="37"/>
      <c r="BJ149" s="37"/>
      <c r="BK149" s="37"/>
      <c r="BL149" s="37"/>
      <c r="BM149" s="37"/>
      <c r="BN149" s="37"/>
      <c r="BO149" s="37"/>
      <c r="BP149" s="37"/>
      <c r="BQ149" s="37"/>
      <c r="BR149" s="37"/>
      <c r="BS149" s="37"/>
      <c r="BT149" s="37"/>
    </row>
    <row r="150" spans="1:72" s="36" customFormat="1" ht="10" customHeight="1" x14ac:dyDescent="0.2">
      <c r="A150" s="37"/>
      <c r="B150" s="37"/>
      <c r="C150" s="37"/>
      <c r="D150" s="37"/>
      <c r="E150" s="37"/>
      <c r="F150" s="37"/>
      <c r="G150" s="37"/>
      <c r="H150" s="37"/>
      <c r="I150" s="37"/>
      <c r="J150" s="37"/>
      <c r="K150" s="37"/>
      <c r="L150" s="37"/>
      <c r="M150" s="37"/>
      <c r="N150" s="37"/>
      <c r="O150" s="37"/>
      <c r="P150" s="37"/>
      <c r="Q150" s="37"/>
      <c r="R150" s="37"/>
      <c r="S150" s="37"/>
      <c r="T150" s="37"/>
      <c r="U150" s="37"/>
      <c r="V150" s="37"/>
      <c r="W150" s="37"/>
      <c r="X150" s="37"/>
      <c r="Y150" s="37"/>
      <c r="Z150" s="37"/>
      <c r="AA150" s="37"/>
      <c r="AB150" s="37"/>
      <c r="AC150" s="37"/>
      <c r="AD150" s="37"/>
      <c r="AE150" s="37"/>
      <c r="AF150" s="37"/>
      <c r="AG150" s="37"/>
      <c r="AH150" s="37"/>
      <c r="AI150" s="37"/>
      <c r="AJ150" s="37"/>
      <c r="AK150" s="37"/>
      <c r="AL150" s="37"/>
      <c r="AM150" s="37"/>
      <c r="AN150" s="37"/>
      <c r="AO150" s="37"/>
      <c r="AP150" s="37"/>
      <c r="AQ150" s="37"/>
      <c r="AR150" s="37"/>
      <c r="AS150" s="37"/>
      <c r="AT150" s="37"/>
      <c r="AU150" s="37"/>
      <c r="AV150" s="37"/>
      <c r="AW150" s="37"/>
      <c r="AX150" s="37"/>
      <c r="AY150" s="37"/>
      <c r="AZ150" s="37"/>
      <c r="BA150" s="37"/>
      <c r="BB150" s="37"/>
      <c r="BC150" s="37"/>
      <c r="BD150" s="37"/>
      <c r="BE150" s="37"/>
      <c r="BF150" s="37"/>
      <c r="BG150" s="37"/>
      <c r="BH150" s="37"/>
      <c r="BI150" s="37"/>
      <c r="BJ150" s="37"/>
      <c r="BK150" s="37"/>
      <c r="BL150" s="37"/>
      <c r="BM150" s="37"/>
      <c r="BN150" s="37"/>
      <c r="BO150" s="37"/>
      <c r="BP150" s="37"/>
      <c r="BQ150" s="37"/>
      <c r="BR150" s="37"/>
      <c r="BS150" s="37"/>
      <c r="BT150" s="37"/>
    </row>
    <row r="151" spans="1:72" s="36" customFormat="1" ht="10" customHeight="1" x14ac:dyDescent="0.2">
      <c r="A151" s="37"/>
      <c r="B151" s="37"/>
      <c r="C151" s="37"/>
      <c r="D151" s="37"/>
      <c r="E151" s="37"/>
      <c r="F151" s="37"/>
      <c r="G151" s="37"/>
      <c r="H151" s="37"/>
      <c r="I151" s="37"/>
      <c r="J151" s="37"/>
      <c r="K151" s="37"/>
      <c r="L151" s="37"/>
      <c r="M151" s="37"/>
      <c r="N151" s="37"/>
      <c r="O151" s="37"/>
      <c r="P151" s="37"/>
      <c r="Q151" s="37"/>
      <c r="R151" s="37"/>
      <c r="S151" s="37"/>
      <c r="T151" s="37"/>
      <c r="U151" s="37"/>
      <c r="V151" s="37"/>
      <c r="W151" s="37"/>
      <c r="X151" s="37"/>
      <c r="Y151" s="37"/>
      <c r="Z151" s="37"/>
      <c r="AA151" s="37"/>
      <c r="AB151" s="37"/>
      <c r="AC151" s="37"/>
      <c r="AD151" s="37"/>
      <c r="AE151" s="37"/>
      <c r="AF151" s="37"/>
      <c r="AG151" s="37"/>
      <c r="AH151" s="37"/>
      <c r="AI151" s="37"/>
      <c r="AJ151" s="37"/>
      <c r="AK151" s="37"/>
      <c r="AL151" s="37"/>
      <c r="AM151" s="37"/>
      <c r="AN151" s="37"/>
      <c r="AO151" s="37"/>
      <c r="AP151" s="37"/>
      <c r="AQ151" s="37"/>
      <c r="AR151" s="37"/>
      <c r="AS151" s="37"/>
      <c r="AT151" s="37"/>
      <c r="AU151" s="37"/>
      <c r="AV151" s="37"/>
      <c r="AW151" s="37"/>
      <c r="AX151" s="37"/>
      <c r="AY151" s="37"/>
      <c r="AZ151" s="37"/>
      <c r="BA151" s="37"/>
      <c r="BB151" s="37"/>
      <c r="BC151" s="37"/>
      <c r="BD151" s="37"/>
      <c r="BE151" s="37"/>
      <c r="BF151" s="37"/>
      <c r="BG151" s="37"/>
      <c r="BH151" s="37"/>
      <c r="BI151" s="37"/>
      <c r="BJ151" s="37"/>
      <c r="BK151" s="37"/>
      <c r="BL151" s="37"/>
      <c r="BM151" s="37"/>
      <c r="BN151" s="37"/>
      <c r="BO151" s="37"/>
      <c r="BP151" s="37"/>
      <c r="BQ151" s="37"/>
      <c r="BR151" s="37"/>
      <c r="BS151" s="37"/>
      <c r="BT151" s="37"/>
    </row>
    <row r="152" spans="1:72" s="36" customFormat="1" ht="10" customHeight="1" x14ac:dyDescent="0.2">
      <c r="A152" s="37"/>
      <c r="B152" s="37"/>
      <c r="C152" s="37"/>
      <c r="D152" s="37"/>
      <c r="E152" s="37"/>
      <c r="F152" s="37"/>
      <c r="G152" s="37"/>
      <c r="H152" s="37"/>
      <c r="I152" s="37"/>
      <c r="J152" s="37"/>
      <c r="K152" s="37"/>
      <c r="L152" s="37"/>
      <c r="M152" s="37"/>
      <c r="N152" s="37"/>
      <c r="O152" s="37"/>
      <c r="P152" s="37"/>
      <c r="Q152" s="37"/>
      <c r="R152" s="37"/>
      <c r="S152" s="37"/>
      <c r="T152" s="37"/>
      <c r="U152" s="37"/>
      <c r="V152" s="37"/>
      <c r="W152" s="37"/>
      <c r="X152" s="37"/>
      <c r="Y152" s="37"/>
      <c r="Z152" s="37"/>
      <c r="AA152" s="37"/>
      <c r="AB152" s="37"/>
      <c r="AC152" s="37"/>
      <c r="AD152" s="37"/>
      <c r="AE152" s="37"/>
      <c r="AF152" s="37"/>
      <c r="AG152" s="37"/>
      <c r="AH152" s="37"/>
      <c r="AI152" s="37"/>
      <c r="AJ152" s="37"/>
      <c r="AK152" s="37"/>
      <c r="AL152" s="37"/>
      <c r="AM152" s="37"/>
      <c r="AN152" s="37"/>
      <c r="AO152" s="37"/>
      <c r="AP152" s="37"/>
      <c r="AQ152" s="37"/>
      <c r="AR152" s="37"/>
      <c r="AS152" s="37"/>
      <c r="AT152" s="37"/>
      <c r="AU152" s="37"/>
      <c r="AV152" s="37"/>
      <c r="AW152" s="37"/>
      <c r="AX152" s="37"/>
      <c r="AY152" s="37"/>
      <c r="AZ152" s="37"/>
      <c r="BA152" s="37"/>
      <c r="BB152" s="37"/>
      <c r="BC152" s="37"/>
      <c r="BD152" s="37"/>
      <c r="BE152" s="37"/>
      <c r="BF152" s="37"/>
      <c r="BG152" s="37"/>
      <c r="BH152" s="37"/>
      <c r="BI152" s="37"/>
      <c r="BJ152" s="37"/>
      <c r="BK152" s="37"/>
      <c r="BL152" s="37"/>
      <c r="BM152" s="37"/>
      <c r="BN152" s="37"/>
      <c r="BO152" s="37"/>
      <c r="BP152" s="37"/>
      <c r="BQ152" s="37"/>
      <c r="BR152" s="37"/>
      <c r="BS152" s="37"/>
      <c r="BT152" s="37"/>
    </row>
    <row r="153" spans="1:72" s="36" customFormat="1" ht="10" customHeight="1" x14ac:dyDescent="0.2">
      <c r="A153" s="37"/>
      <c r="B153" s="37"/>
      <c r="C153" s="37"/>
      <c r="D153" s="37"/>
      <c r="E153" s="37"/>
      <c r="F153" s="37"/>
      <c r="G153" s="37"/>
      <c r="H153" s="37"/>
      <c r="I153" s="37"/>
      <c r="J153" s="37"/>
      <c r="K153" s="37"/>
      <c r="L153" s="37"/>
      <c r="M153" s="37"/>
      <c r="N153" s="37"/>
      <c r="O153" s="37"/>
      <c r="P153" s="37"/>
      <c r="Q153" s="37"/>
      <c r="R153" s="37"/>
      <c r="S153" s="37"/>
      <c r="T153" s="37"/>
      <c r="U153" s="37"/>
      <c r="V153" s="37"/>
      <c r="W153" s="37"/>
      <c r="X153" s="37"/>
      <c r="Y153" s="37"/>
      <c r="Z153" s="37"/>
      <c r="AA153" s="37"/>
      <c r="AB153" s="37"/>
      <c r="AC153" s="37"/>
      <c r="AD153" s="37"/>
      <c r="AE153" s="37"/>
      <c r="AF153" s="37"/>
      <c r="AG153" s="37"/>
      <c r="AH153" s="37"/>
      <c r="AI153" s="37"/>
      <c r="AJ153" s="37"/>
      <c r="AK153" s="37"/>
      <c r="AL153" s="37"/>
      <c r="AM153" s="37"/>
      <c r="AN153" s="37"/>
      <c r="AO153" s="37"/>
      <c r="AP153" s="37"/>
      <c r="AQ153" s="37"/>
      <c r="AR153" s="37"/>
      <c r="AS153" s="37"/>
      <c r="AT153" s="37"/>
      <c r="AU153" s="37"/>
      <c r="AV153" s="37"/>
      <c r="AW153" s="37"/>
      <c r="AX153" s="37"/>
      <c r="AY153" s="37"/>
      <c r="AZ153" s="37"/>
      <c r="BA153" s="37"/>
      <c r="BB153" s="37"/>
      <c r="BC153" s="37"/>
      <c r="BD153" s="37"/>
      <c r="BE153" s="37"/>
      <c r="BF153" s="37"/>
      <c r="BG153" s="37"/>
      <c r="BH153" s="37"/>
      <c r="BI153" s="37"/>
      <c r="BJ153" s="37"/>
      <c r="BK153" s="37"/>
      <c r="BL153" s="37"/>
      <c r="BM153" s="37"/>
      <c r="BN153" s="37"/>
      <c r="BO153" s="37"/>
      <c r="BP153" s="37"/>
      <c r="BQ153" s="37"/>
      <c r="BR153" s="37"/>
      <c r="BS153" s="37"/>
      <c r="BT153" s="37"/>
    </row>
    <row r="154" spans="1:72" s="36" customFormat="1" ht="9.75" customHeight="1" x14ac:dyDescent="0.2">
      <c r="A154" s="37"/>
      <c r="B154" s="37"/>
      <c r="C154" s="37"/>
      <c r="D154" s="37"/>
      <c r="E154" s="37"/>
      <c r="F154" s="37"/>
      <c r="G154" s="37"/>
      <c r="H154" s="37"/>
      <c r="I154" s="37"/>
      <c r="J154" s="37"/>
      <c r="K154" s="37"/>
      <c r="L154" s="37"/>
      <c r="M154" s="37"/>
      <c r="N154" s="37"/>
      <c r="O154" s="37"/>
      <c r="P154" s="37"/>
      <c r="Q154" s="37"/>
      <c r="R154" s="37"/>
      <c r="S154" s="37"/>
      <c r="T154" s="37"/>
      <c r="U154" s="37"/>
      <c r="V154" s="37"/>
      <c r="W154" s="37"/>
      <c r="X154" s="37"/>
      <c r="Y154" s="37"/>
      <c r="Z154" s="37"/>
      <c r="AA154" s="37"/>
      <c r="AB154" s="37"/>
      <c r="AC154" s="37"/>
      <c r="AD154" s="37"/>
      <c r="AE154" s="37"/>
      <c r="AF154" s="37"/>
      <c r="AG154" s="37"/>
      <c r="AH154" s="37"/>
      <c r="AI154" s="37"/>
      <c r="AJ154" s="37"/>
      <c r="AK154" s="37"/>
      <c r="AL154" s="37"/>
      <c r="AM154" s="37"/>
      <c r="AN154" s="37"/>
      <c r="AO154" s="37"/>
      <c r="AP154" s="37"/>
      <c r="AQ154" s="37"/>
      <c r="AR154" s="37"/>
      <c r="AS154" s="37"/>
      <c r="AT154" s="37"/>
      <c r="AU154" s="37"/>
      <c r="AV154" s="37"/>
      <c r="AW154" s="37"/>
      <c r="AX154" s="37"/>
      <c r="AY154" s="37"/>
      <c r="AZ154" s="37"/>
      <c r="BA154" s="37"/>
      <c r="BB154" s="37"/>
      <c r="BC154" s="37"/>
      <c r="BD154" s="37"/>
      <c r="BE154" s="37"/>
      <c r="BF154" s="37"/>
      <c r="BG154" s="37"/>
      <c r="BH154" s="37"/>
      <c r="BI154" s="37"/>
      <c r="BJ154" s="37"/>
      <c r="BK154" s="37"/>
      <c r="BL154" s="37"/>
      <c r="BM154" s="37"/>
      <c r="BN154" s="37"/>
      <c r="BO154" s="37"/>
      <c r="BP154" s="37"/>
      <c r="BQ154" s="37"/>
      <c r="BR154" s="37"/>
      <c r="BS154" s="37"/>
      <c r="BT154" s="37"/>
    </row>
    <row r="155" spans="1:72" s="36" customFormat="1" ht="9" customHeight="1" x14ac:dyDescent="0.2">
      <c r="A155" s="37"/>
      <c r="B155" s="37"/>
      <c r="C155" s="37"/>
      <c r="D155" s="37"/>
      <c r="E155" s="37"/>
      <c r="F155" s="37"/>
      <c r="G155" s="37"/>
      <c r="H155" s="37"/>
      <c r="I155" s="37"/>
      <c r="J155" s="37"/>
      <c r="K155" s="37"/>
      <c r="L155" s="37"/>
      <c r="M155" s="37"/>
      <c r="N155" s="37"/>
      <c r="O155" s="37"/>
      <c r="P155" s="37"/>
      <c r="Q155" s="37"/>
      <c r="R155" s="37"/>
      <c r="S155" s="37"/>
      <c r="T155" s="37"/>
      <c r="U155" s="37"/>
      <c r="V155" s="37"/>
      <c r="W155" s="37"/>
      <c r="X155" s="37"/>
      <c r="Y155" s="37"/>
      <c r="Z155" s="37"/>
      <c r="AA155" s="37"/>
      <c r="AB155" s="37"/>
      <c r="AC155" s="37"/>
      <c r="AD155" s="37"/>
      <c r="AE155" s="37"/>
      <c r="AF155" s="37"/>
      <c r="AG155" s="37"/>
      <c r="AH155" s="37"/>
      <c r="AI155" s="37"/>
      <c r="AJ155" s="37"/>
      <c r="AK155" s="37"/>
      <c r="AL155" s="37"/>
      <c r="AM155" s="37"/>
      <c r="AN155" s="37"/>
      <c r="AO155" s="37"/>
      <c r="AP155" s="37"/>
      <c r="AQ155" s="37"/>
      <c r="AR155" s="37"/>
      <c r="AS155" s="37"/>
      <c r="AT155" s="37"/>
      <c r="AU155" s="37"/>
      <c r="AV155" s="37"/>
      <c r="AW155" s="37"/>
      <c r="AX155" s="37"/>
      <c r="AY155" s="37"/>
      <c r="AZ155" s="37"/>
      <c r="BA155" s="37"/>
      <c r="BB155" s="37"/>
      <c r="BC155" s="37"/>
      <c r="BD155" s="37"/>
      <c r="BE155" s="37"/>
      <c r="BF155" s="37"/>
      <c r="BG155" s="37"/>
      <c r="BH155" s="37"/>
      <c r="BI155" s="37"/>
      <c r="BJ155" s="37"/>
      <c r="BK155" s="37"/>
      <c r="BL155" s="37"/>
      <c r="BM155" s="37"/>
      <c r="BN155" s="37"/>
      <c r="BO155" s="37"/>
      <c r="BP155" s="37"/>
      <c r="BQ155" s="37"/>
      <c r="BR155" s="37"/>
      <c r="BS155" s="37"/>
      <c r="BT155" s="37"/>
    </row>
    <row r="156" spans="1:72" s="36" customFormat="1" ht="9.75" customHeight="1" x14ac:dyDescent="0.2">
      <c r="A156" s="37"/>
      <c r="B156" s="37"/>
      <c r="C156" s="37"/>
      <c r="D156" s="37"/>
      <c r="E156" s="37"/>
      <c r="F156" s="37"/>
      <c r="G156" s="37"/>
      <c r="H156" s="37"/>
      <c r="I156" s="37"/>
      <c r="J156" s="37"/>
      <c r="K156" s="37"/>
      <c r="L156" s="37"/>
      <c r="M156" s="37"/>
      <c r="N156" s="37"/>
      <c r="O156" s="37"/>
      <c r="P156" s="37"/>
      <c r="Q156" s="37"/>
      <c r="R156" s="37"/>
      <c r="S156" s="37"/>
      <c r="T156" s="37"/>
      <c r="U156" s="37"/>
      <c r="V156" s="37"/>
      <c r="W156" s="37"/>
      <c r="X156" s="37"/>
      <c r="Y156" s="37"/>
      <c r="Z156" s="37"/>
      <c r="AA156" s="37"/>
      <c r="AB156" s="37"/>
      <c r="AC156" s="37"/>
      <c r="AD156" s="37"/>
      <c r="AE156" s="37"/>
      <c r="AF156" s="37"/>
      <c r="AG156" s="37"/>
      <c r="AH156" s="37"/>
      <c r="AI156" s="37"/>
      <c r="AJ156" s="37"/>
      <c r="AK156" s="37"/>
      <c r="AL156" s="37"/>
      <c r="AM156" s="37"/>
      <c r="AN156" s="37"/>
      <c r="AO156" s="37"/>
      <c r="AP156" s="37"/>
      <c r="AQ156" s="37"/>
      <c r="AR156" s="37"/>
      <c r="AS156" s="37"/>
      <c r="AT156" s="37"/>
      <c r="AU156" s="37"/>
      <c r="AV156" s="37"/>
      <c r="AW156" s="37"/>
      <c r="AX156" s="37"/>
      <c r="AY156" s="37"/>
      <c r="AZ156" s="37"/>
      <c r="BA156" s="37"/>
      <c r="BB156" s="37"/>
      <c r="BC156" s="37"/>
      <c r="BD156" s="37"/>
      <c r="BE156" s="37"/>
      <c r="BF156" s="37"/>
      <c r="BG156" s="37"/>
      <c r="BH156" s="37"/>
      <c r="BI156" s="37"/>
      <c r="BJ156" s="37"/>
      <c r="BK156" s="37"/>
      <c r="BL156" s="37"/>
      <c r="BM156" s="37"/>
      <c r="BN156" s="37"/>
      <c r="BO156" s="37"/>
      <c r="BP156" s="37"/>
      <c r="BQ156" s="37"/>
      <c r="BR156" s="37"/>
      <c r="BS156" s="37"/>
      <c r="BT156" s="37"/>
    </row>
    <row r="157" spans="1:72" s="36" customFormat="1" ht="9.75" customHeight="1" x14ac:dyDescent="0.2">
      <c r="A157" s="37"/>
      <c r="B157" s="37"/>
      <c r="C157" s="37"/>
      <c r="D157" s="37"/>
      <c r="E157" s="37"/>
      <c r="F157" s="37"/>
      <c r="G157" s="37"/>
      <c r="H157" s="37"/>
      <c r="I157" s="37"/>
      <c r="J157" s="37"/>
      <c r="K157" s="37"/>
      <c r="L157" s="37"/>
      <c r="M157" s="37"/>
      <c r="N157" s="37"/>
      <c r="O157" s="37"/>
      <c r="P157" s="37"/>
      <c r="Q157" s="37"/>
      <c r="R157" s="37"/>
      <c r="S157" s="37"/>
      <c r="T157" s="37"/>
      <c r="U157" s="37"/>
      <c r="V157" s="37"/>
      <c r="W157" s="37"/>
      <c r="X157" s="37"/>
      <c r="Y157" s="37"/>
      <c r="Z157" s="37"/>
      <c r="AA157" s="37"/>
      <c r="AB157" s="37"/>
      <c r="AC157" s="37"/>
      <c r="AD157" s="37"/>
      <c r="AE157" s="37"/>
      <c r="AF157" s="37"/>
      <c r="AG157" s="37"/>
      <c r="AH157" s="37"/>
      <c r="AI157" s="37"/>
      <c r="AJ157" s="37"/>
      <c r="AK157" s="37"/>
      <c r="AL157" s="37"/>
      <c r="AM157" s="37"/>
      <c r="AN157" s="37"/>
      <c r="AO157" s="37"/>
      <c r="AP157" s="37"/>
      <c r="AQ157" s="37"/>
      <c r="AR157" s="37"/>
      <c r="AS157" s="37"/>
      <c r="AT157" s="37"/>
      <c r="AU157" s="37"/>
      <c r="AV157" s="37"/>
      <c r="AW157" s="37"/>
      <c r="AX157" s="37"/>
      <c r="AY157" s="37"/>
      <c r="AZ157" s="37"/>
      <c r="BA157" s="37"/>
      <c r="BB157" s="37"/>
      <c r="BC157" s="37"/>
      <c r="BD157" s="37"/>
      <c r="BE157" s="37"/>
      <c r="BF157" s="37"/>
      <c r="BG157" s="37"/>
      <c r="BH157" s="37"/>
      <c r="BI157" s="37"/>
      <c r="BJ157" s="37"/>
      <c r="BK157" s="37"/>
      <c r="BL157" s="37"/>
      <c r="BM157" s="37"/>
      <c r="BN157" s="37"/>
      <c r="BO157" s="37"/>
      <c r="BP157" s="37"/>
      <c r="BQ157" s="37"/>
      <c r="BR157" s="37"/>
      <c r="BS157" s="37"/>
      <c r="BT157" s="37"/>
    </row>
    <row r="158" spans="1:72" s="37" customFormat="1" ht="9.75" customHeight="1" x14ac:dyDescent="0.55000000000000004"/>
    <row r="159" spans="1:72" s="37" customFormat="1" ht="5.25" customHeight="1" x14ac:dyDescent="0.55000000000000004"/>
    <row r="160" spans="1:72" s="37" customFormat="1" ht="6.75" customHeight="1" x14ac:dyDescent="0.55000000000000004"/>
    <row r="161" s="37" customFormat="1" ht="6.75" customHeight="1" x14ac:dyDescent="0.55000000000000004"/>
    <row r="162" s="37" customFormat="1" ht="6.75" customHeight="1" x14ac:dyDescent="0.55000000000000004"/>
    <row r="163" s="37" customFormat="1" ht="9" customHeight="1" x14ac:dyDescent="0.55000000000000004"/>
    <row r="164" s="37" customFormat="1" ht="9" customHeight="1" x14ac:dyDescent="0.55000000000000004"/>
    <row r="165" s="37" customFormat="1" ht="13.5" customHeight="1" x14ac:dyDescent="0.55000000000000004"/>
    <row r="166" s="37" customFormat="1" ht="5.25" customHeight="1" x14ac:dyDescent="0.55000000000000004"/>
    <row r="167" s="37" customFormat="1" ht="11.25" customHeight="1" x14ac:dyDescent="0.55000000000000004"/>
    <row r="168" s="37" customFormat="1" ht="11.25" customHeight="1" x14ac:dyDescent="0.55000000000000004"/>
    <row r="169" s="37" customFormat="1" ht="11.25" customHeight="1" x14ac:dyDescent="0.55000000000000004"/>
    <row r="170" s="37" customFormat="1" ht="11.25" customHeight="1" x14ac:dyDescent="0.55000000000000004"/>
    <row r="171" s="37" customFormat="1" ht="11.25" customHeight="1" x14ac:dyDescent="0.55000000000000004"/>
    <row r="172" s="37" customFormat="1" ht="11.25" customHeight="1" x14ac:dyDescent="0.55000000000000004"/>
    <row r="173" s="37" customFormat="1" ht="9.75" customHeight="1" x14ac:dyDescent="0.55000000000000004"/>
    <row r="174" s="37" customFormat="1" ht="10" customHeight="1" x14ac:dyDescent="0.55000000000000004"/>
    <row r="175" s="37" customFormat="1" ht="10" customHeight="1" x14ac:dyDescent="0.55000000000000004"/>
    <row r="176" s="37" customFormat="1" ht="10" customHeight="1" x14ac:dyDescent="0.55000000000000004"/>
    <row r="177" spans="72:72" s="37" customFormat="1" ht="10" customHeight="1" x14ac:dyDescent="0.55000000000000004"/>
    <row r="178" spans="72:72" s="37" customFormat="1" ht="10" customHeight="1" x14ac:dyDescent="0.55000000000000004"/>
    <row r="179" spans="72:72" s="37" customFormat="1" ht="10.5" customHeight="1" x14ac:dyDescent="0.55000000000000004"/>
    <row r="180" spans="72:72" s="37" customFormat="1" ht="10.5" customHeight="1" x14ac:dyDescent="0.55000000000000004"/>
    <row r="181" spans="72:72" s="37" customFormat="1" ht="10.5" customHeight="1" x14ac:dyDescent="0.55000000000000004"/>
    <row r="182" spans="72:72" s="37" customFormat="1" ht="10.5" customHeight="1" x14ac:dyDescent="0.55000000000000004"/>
    <row r="183" spans="72:72" s="37" customFormat="1" ht="10.5" customHeight="1" x14ac:dyDescent="0.55000000000000004"/>
    <row r="184" spans="72:72" s="37" customFormat="1" ht="10.5" customHeight="1" x14ac:dyDescent="0.55000000000000004"/>
    <row r="185" spans="72:72" s="37" customFormat="1" ht="10.5" customHeight="1" x14ac:dyDescent="0.55000000000000004">
      <c r="BT185" s="1"/>
    </row>
    <row r="186" spans="72:72" s="37" customFormat="1" ht="10.5" customHeight="1" x14ac:dyDescent="0.55000000000000004">
      <c r="BT186" s="1"/>
    </row>
    <row r="187" spans="72:72" s="37" customFormat="1" ht="10.5" customHeight="1" x14ac:dyDescent="0.55000000000000004">
      <c r="BT187" s="1"/>
    </row>
    <row r="188" spans="72:72" s="37" customFormat="1" ht="10.5" customHeight="1" x14ac:dyDescent="0.55000000000000004">
      <c r="BT188" s="1"/>
    </row>
    <row r="189" spans="72:72" s="37" customFormat="1" ht="10.5" customHeight="1" x14ac:dyDescent="0.55000000000000004">
      <c r="BT189" s="1"/>
    </row>
    <row r="190" spans="72:72" s="37" customFormat="1" ht="10.5" customHeight="1" x14ac:dyDescent="0.55000000000000004">
      <c r="BT190" s="1"/>
    </row>
    <row r="191" spans="72:72" s="37" customFormat="1" ht="9.75" customHeight="1" x14ac:dyDescent="0.55000000000000004">
      <c r="BT191" s="1"/>
    </row>
    <row r="192" spans="72:72" s="37" customFormat="1" ht="9.75" customHeight="1" x14ac:dyDescent="0.55000000000000004">
      <c r="BT192" s="1"/>
    </row>
    <row r="193" spans="72:72" s="37" customFormat="1" ht="9.75" customHeight="1" x14ac:dyDescent="0.55000000000000004">
      <c r="BT193" s="1"/>
    </row>
    <row r="194" spans="72:72" s="37" customFormat="1" ht="9.75" customHeight="1" x14ac:dyDescent="0.55000000000000004">
      <c r="BT194" s="1"/>
    </row>
    <row r="195" spans="72:72" s="37" customFormat="1" ht="9.75" customHeight="1" x14ac:dyDescent="0.55000000000000004">
      <c r="BT195" s="1"/>
    </row>
    <row r="196" spans="72:72" s="37" customFormat="1" ht="9.75" customHeight="1" x14ac:dyDescent="0.55000000000000004">
      <c r="BT196" s="1"/>
    </row>
    <row r="197" spans="72:72" s="37" customFormat="1" ht="7.5" customHeight="1" x14ac:dyDescent="0.55000000000000004">
      <c r="BT197" s="1"/>
    </row>
    <row r="198" spans="72:72" s="37" customFormat="1" ht="7.5" customHeight="1" x14ac:dyDescent="0.55000000000000004">
      <c r="BT198" s="1"/>
    </row>
    <row r="199" spans="72:72" s="37" customFormat="1" ht="7.5" customHeight="1" x14ac:dyDescent="0.55000000000000004">
      <c r="BT199" s="1"/>
    </row>
    <row r="200" spans="72:72" s="37" customFormat="1" ht="7.5" customHeight="1" x14ac:dyDescent="0.55000000000000004">
      <c r="BT200" s="1"/>
    </row>
    <row r="201" spans="72:72" s="37" customFormat="1" ht="7.5" customHeight="1" x14ac:dyDescent="0.55000000000000004">
      <c r="BT201" s="1"/>
    </row>
    <row r="202" spans="72:72" s="37" customFormat="1" ht="7.5" customHeight="1" x14ac:dyDescent="0.55000000000000004">
      <c r="BT202" s="1"/>
    </row>
    <row r="203" spans="72:72" s="37" customFormat="1" ht="7.5" customHeight="1" x14ac:dyDescent="0.55000000000000004">
      <c r="BT203" s="1"/>
    </row>
    <row r="204" spans="72:72" s="37" customFormat="1" ht="7.5" customHeight="1" x14ac:dyDescent="0.55000000000000004">
      <c r="BT204" s="1"/>
    </row>
    <row r="205" spans="72:72" s="37" customFormat="1" ht="7.5" customHeight="1" x14ac:dyDescent="0.55000000000000004">
      <c r="BT205" s="1"/>
    </row>
    <row r="206" spans="72:72" s="37" customFormat="1" ht="7.5" customHeight="1" x14ac:dyDescent="0.55000000000000004">
      <c r="BT206" s="1"/>
    </row>
    <row r="207" spans="72:72" s="37" customFormat="1" ht="7.5" customHeight="1" x14ac:dyDescent="0.55000000000000004">
      <c r="BT207" s="1"/>
    </row>
    <row r="208" spans="72:72" s="37" customFormat="1" ht="7.5" customHeight="1" x14ac:dyDescent="0.55000000000000004">
      <c r="BT208" s="1"/>
    </row>
    <row r="209" spans="72:72" s="37" customFormat="1" ht="7.5" customHeight="1" x14ac:dyDescent="0.55000000000000004">
      <c r="BT209" s="1"/>
    </row>
    <row r="210" spans="72:72" s="37" customFormat="1" ht="7.5" customHeight="1" x14ac:dyDescent="0.55000000000000004">
      <c r="BT210" s="1"/>
    </row>
    <row r="211" spans="72:72" s="37" customFormat="1" ht="7.5" customHeight="1" x14ac:dyDescent="0.55000000000000004">
      <c r="BT211" s="1"/>
    </row>
    <row r="212" spans="72:72" s="37" customFormat="1" ht="7.5" customHeight="1" x14ac:dyDescent="0.55000000000000004">
      <c r="BT212" s="1"/>
    </row>
    <row r="213" spans="72:72" s="37" customFormat="1" ht="7.5" customHeight="1" x14ac:dyDescent="0.55000000000000004">
      <c r="BT213" s="1"/>
    </row>
    <row r="214" spans="72:72" s="37" customFormat="1" ht="7.5" customHeight="1" x14ac:dyDescent="0.55000000000000004">
      <c r="BT214" s="1"/>
    </row>
    <row r="215" spans="72:72" s="37" customFormat="1" ht="7.5" customHeight="1" x14ac:dyDescent="0.55000000000000004">
      <c r="BT215" s="1"/>
    </row>
    <row r="216" spans="72:72" s="37" customFormat="1" ht="7.5" customHeight="1" x14ac:dyDescent="0.55000000000000004">
      <c r="BT216" s="1"/>
    </row>
    <row r="217" spans="72:72" s="37" customFormat="1" ht="7.5" customHeight="1" x14ac:dyDescent="0.55000000000000004">
      <c r="BT217" s="1"/>
    </row>
    <row r="218" spans="72:72" s="37" customFormat="1" ht="7.5" customHeight="1" x14ac:dyDescent="0.55000000000000004">
      <c r="BT218" s="1"/>
    </row>
    <row r="219" spans="72:72" s="37" customFormat="1" ht="7.5" customHeight="1" x14ac:dyDescent="0.55000000000000004">
      <c r="BT219" s="1"/>
    </row>
    <row r="220" spans="72:72" s="37" customFormat="1" ht="7.5" customHeight="1" x14ac:dyDescent="0.55000000000000004">
      <c r="BT220" s="1"/>
    </row>
    <row r="221" spans="72:72" s="37" customFormat="1" ht="7.5" customHeight="1" x14ac:dyDescent="0.55000000000000004">
      <c r="BT221" s="1"/>
    </row>
    <row r="222" spans="72:72" s="37" customFormat="1" ht="7.5" customHeight="1" x14ac:dyDescent="0.55000000000000004">
      <c r="BT222" s="1"/>
    </row>
    <row r="223" spans="72:72" s="37" customFormat="1" ht="7.5" customHeight="1" x14ac:dyDescent="0.55000000000000004">
      <c r="BT223" s="1"/>
    </row>
    <row r="224" spans="72:72" s="37" customFormat="1" ht="7.5" customHeight="1" x14ac:dyDescent="0.55000000000000004">
      <c r="BT224" s="1"/>
    </row>
    <row r="225" spans="1:72" s="37" customFormat="1" ht="7.5" customHeight="1" x14ac:dyDescent="0.55000000000000004">
      <c r="BT225" s="1"/>
    </row>
    <row r="226" spans="1:72" s="37" customFormat="1" ht="7.5" customHeight="1" x14ac:dyDescent="0.55000000000000004">
      <c r="BT226" s="1"/>
    </row>
    <row r="227" spans="1:72" s="37" customFormat="1" ht="7.5" customHeight="1" x14ac:dyDescent="0.55000000000000004">
      <c r="BT227" s="1"/>
    </row>
    <row r="228" spans="1:72" s="37" customFormat="1" ht="7.5" customHeight="1" x14ac:dyDescent="0.55000000000000004">
      <c r="BT228" s="1"/>
    </row>
    <row r="229" spans="1:72" s="37" customFormat="1" ht="7.5" customHeight="1" x14ac:dyDescent="0.55000000000000004">
      <c r="BT229" s="1"/>
    </row>
    <row r="230" spans="1:72" s="37" customFormat="1" ht="7.5" customHeight="1" x14ac:dyDescent="0.55000000000000004">
      <c r="BT230" s="1"/>
    </row>
    <row r="231" spans="1:72" s="37" customFormat="1" ht="7.5" customHeight="1" x14ac:dyDescent="0.55000000000000004">
      <c r="BT231" s="1"/>
    </row>
    <row r="232" spans="1:72" s="37" customFormat="1" ht="7.5" customHeight="1" x14ac:dyDescent="0.55000000000000004">
      <c r="BT232" s="1"/>
    </row>
    <row r="233" spans="1:72" s="37" customFormat="1" ht="7.5" customHeight="1" x14ac:dyDescent="0.55000000000000004">
      <c r="BT233" s="1"/>
    </row>
    <row r="234" spans="1:72" s="37" customFormat="1" ht="7.5" customHeight="1" x14ac:dyDescent="0.55000000000000004">
      <c r="BT234" s="1"/>
    </row>
    <row r="235" spans="1:72" s="37" customFormat="1" ht="7.5" customHeight="1" x14ac:dyDescent="0.55000000000000004">
      <c r="BT235" s="1"/>
    </row>
    <row r="236" spans="1:72" s="37" customFormat="1" ht="7.5" customHeight="1" x14ac:dyDescent="0.55000000000000004">
      <c r="K236" s="1"/>
      <c r="L236" s="1"/>
      <c r="M236" s="1"/>
      <c r="N236" s="1"/>
      <c r="O236" s="1"/>
      <c r="P236" s="1"/>
      <c r="Q236" s="1"/>
      <c r="R236" s="1"/>
      <c r="S236" s="1"/>
      <c r="T236" s="1"/>
      <c r="U236" s="1"/>
      <c r="V236" s="1"/>
      <c r="W236" s="1"/>
      <c r="X236" s="1"/>
      <c r="BT236" s="1"/>
    </row>
    <row r="237" spans="1:72" s="37" customFormat="1" ht="7.5" customHeight="1" x14ac:dyDescent="0.55000000000000004">
      <c r="K237" s="1"/>
      <c r="L237" s="1"/>
      <c r="M237" s="1"/>
      <c r="N237" s="1"/>
      <c r="O237" s="1"/>
      <c r="P237" s="1"/>
      <c r="Q237" s="1"/>
      <c r="R237" s="1"/>
      <c r="S237" s="1"/>
      <c r="T237" s="1"/>
      <c r="U237" s="1"/>
      <c r="V237" s="1"/>
      <c r="W237" s="1"/>
      <c r="X237" s="1"/>
      <c r="BT237" s="1"/>
    </row>
    <row r="238" spans="1:72" s="37" customFormat="1" ht="7.5" customHeight="1" x14ac:dyDescent="0.55000000000000004">
      <c r="A238" s="1"/>
      <c r="B238" s="1"/>
      <c r="C238" s="1"/>
      <c r="D238" s="1"/>
      <c r="E238" s="1"/>
      <c r="F238" s="1"/>
      <c r="G238" s="1"/>
      <c r="H238" s="1"/>
      <c r="I238" s="1"/>
      <c r="J238" s="1"/>
      <c r="K238" s="1"/>
      <c r="L238" s="1"/>
      <c r="M238" s="1"/>
      <c r="N238" s="1"/>
      <c r="O238" s="1"/>
      <c r="P238" s="1"/>
      <c r="Q238" s="1"/>
      <c r="R238" s="1"/>
      <c r="S238" s="1"/>
      <c r="T238" s="1"/>
      <c r="U238" s="1"/>
      <c r="V238" s="1"/>
      <c r="W238" s="1"/>
      <c r="X238" s="1"/>
      <c r="Y238" s="1"/>
      <c r="Z238" s="1"/>
      <c r="AA238" s="1"/>
      <c r="AB238" s="1"/>
      <c r="AC238" s="1"/>
      <c r="AD238" s="1"/>
      <c r="AE238" s="1"/>
      <c r="AF238" s="1"/>
      <c r="AG238" s="1"/>
      <c r="AH238" s="1"/>
      <c r="AI238" s="1"/>
      <c r="AJ238" s="1"/>
      <c r="AK238" s="1"/>
      <c r="AL238" s="1"/>
      <c r="AM238" s="1"/>
      <c r="AN238" s="1"/>
      <c r="AO238" s="1"/>
      <c r="AP238" s="1"/>
      <c r="AQ238" s="1"/>
      <c r="AR238" s="1"/>
      <c r="AS238" s="1"/>
      <c r="AT238" s="1"/>
      <c r="AU238" s="1"/>
      <c r="AV238" s="1"/>
      <c r="AW238" s="1"/>
      <c r="AX238" s="1"/>
      <c r="AY238" s="1"/>
      <c r="AZ238" s="1"/>
      <c r="BA238" s="1"/>
      <c r="BB238" s="1"/>
      <c r="BC238" s="1"/>
      <c r="BD238" s="1"/>
      <c r="BE238" s="1"/>
      <c r="BF238" s="1"/>
      <c r="BG238" s="1"/>
      <c r="BH238" s="1"/>
      <c r="BI238" s="1"/>
      <c r="BJ238" s="1"/>
      <c r="BK238" s="1"/>
      <c r="BL238" s="1"/>
      <c r="BM238" s="1"/>
      <c r="BN238" s="1"/>
      <c r="BO238" s="1"/>
      <c r="BP238" s="1"/>
      <c r="BQ238" s="1"/>
      <c r="BR238" s="1"/>
      <c r="BS238" s="1"/>
      <c r="BT238" s="1"/>
    </row>
    <row r="239" spans="1:72" s="37" customFormat="1" ht="7.5" customHeight="1" x14ac:dyDescent="0.55000000000000004">
      <c r="A239" s="1"/>
      <c r="B239" s="1"/>
      <c r="C239" s="1"/>
      <c r="D239" s="1"/>
      <c r="E239" s="1"/>
      <c r="F239" s="1"/>
      <c r="G239" s="1"/>
      <c r="H239" s="1"/>
      <c r="I239" s="1"/>
      <c r="J239" s="1"/>
      <c r="K239" s="1"/>
      <c r="L239" s="1"/>
      <c r="M239" s="1"/>
      <c r="N239" s="1"/>
      <c r="O239" s="1"/>
      <c r="P239" s="1"/>
      <c r="Q239" s="1"/>
      <c r="R239" s="1"/>
      <c r="S239" s="1"/>
      <c r="T239" s="1"/>
      <c r="U239" s="1"/>
      <c r="V239" s="1"/>
      <c r="W239" s="1"/>
      <c r="X239" s="1"/>
      <c r="Y239" s="1"/>
      <c r="Z239" s="1"/>
      <c r="AA239" s="1"/>
      <c r="AB239" s="1"/>
      <c r="AC239" s="1"/>
      <c r="AD239" s="1"/>
      <c r="AE239" s="1"/>
      <c r="AF239" s="1"/>
      <c r="AG239" s="1"/>
      <c r="AH239" s="1"/>
      <c r="AI239" s="1"/>
      <c r="AJ239" s="1"/>
      <c r="AK239" s="1"/>
      <c r="AL239" s="1"/>
      <c r="AM239" s="1"/>
      <c r="AN239" s="1"/>
      <c r="AO239" s="1"/>
      <c r="AP239" s="1"/>
      <c r="AQ239" s="1"/>
      <c r="AR239" s="1"/>
      <c r="AS239" s="1"/>
      <c r="AT239" s="1"/>
      <c r="AU239" s="1"/>
      <c r="AV239" s="1"/>
      <c r="AW239" s="1"/>
      <c r="AX239" s="1"/>
      <c r="AY239" s="1"/>
      <c r="AZ239" s="1"/>
      <c r="BA239" s="1"/>
      <c r="BB239" s="1"/>
      <c r="BC239" s="1"/>
      <c r="BD239" s="1"/>
      <c r="BE239" s="1"/>
      <c r="BF239" s="1"/>
      <c r="BG239" s="1"/>
      <c r="BH239" s="1"/>
      <c r="BI239" s="1"/>
      <c r="BJ239" s="1"/>
      <c r="BK239" s="1"/>
      <c r="BL239" s="1"/>
      <c r="BM239" s="1"/>
      <c r="BN239" s="1"/>
      <c r="BO239" s="1"/>
      <c r="BP239" s="1"/>
      <c r="BQ239" s="1"/>
      <c r="BR239" s="1"/>
      <c r="BS239" s="1"/>
      <c r="BT239" s="1"/>
    </row>
    <row r="240" spans="1:72" s="37" customFormat="1" ht="7.5" customHeight="1" x14ac:dyDescent="0.55000000000000004">
      <c r="A240" s="1"/>
      <c r="B240" s="1"/>
      <c r="C240" s="1"/>
      <c r="D240" s="1"/>
      <c r="E240" s="1"/>
      <c r="F240" s="1"/>
      <c r="G240" s="1"/>
      <c r="H240" s="1"/>
      <c r="I240" s="1"/>
      <c r="J240" s="1"/>
      <c r="K240" s="1"/>
      <c r="L240" s="1"/>
      <c r="M240" s="1"/>
      <c r="N240" s="1"/>
      <c r="O240" s="1"/>
      <c r="P240" s="1"/>
      <c r="Q240" s="1"/>
      <c r="R240" s="1"/>
      <c r="S240" s="1"/>
      <c r="T240" s="1"/>
      <c r="U240" s="1"/>
      <c r="V240" s="1"/>
      <c r="W240" s="1"/>
      <c r="X240" s="1"/>
      <c r="Y240" s="1"/>
      <c r="Z240" s="1"/>
      <c r="AA240" s="1"/>
      <c r="AB240" s="1"/>
      <c r="AC240" s="1"/>
      <c r="AD240" s="1"/>
      <c r="AE240" s="1"/>
      <c r="AF240" s="1"/>
      <c r="AG240" s="1"/>
      <c r="AH240" s="1"/>
      <c r="AI240" s="1"/>
      <c r="AJ240" s="1"/>
      <c r="AK240" s="1"/>
      <c r="AL240" s="1"/>
      <c r="AM240" s="1"/>
      <c r="AN240" s="1"/>
      <c r="AO240" s="1"/>
      <c r="AP240" s="1"/>
      <c r="AQ240" s="1"/>
      <c r="AR240" s="1"/>
      <c r="AS240" s="1"/>
      <c r="AT240" s="1"/>
      <c r="AU240" s="1"/>
      <c r="AV240" s="1"/>
      <c r="AW240" s="1"/>
      <c r="AX240" s="1"/>
      <c r="AY240" s="1"/>
      <c r="AZ240" s="1"/>
      <c r="BA240" s="1"/>
      <c r="BB240" s="1"/>
      <c r="BC240" s="1"/>
      <c r="BD240" s="1"/>
      <c r="BE240" s="1"/>
      <c r="BF240" s="1"/>
      <c r="BG240" s="1"/>
      <c r="BH240" s="1"/>
      <c r="BI240" s="1"/>
      <c r="BJ240" s="1"/>
      <c r="BK240" s="1"/>
      <c r="BL240" s="1"/>
      <c r="BM240" s="1"/>
      <c r="BN240" s="1"/>
      <c r="BO240" s="1"/>
      <c r="BP240" s="1"/>
      <c r="BQ240" s="1"/>
      <c r="BR240" s="1"/>
      <c r="BS240" s="1"/>
      <c r="BT240" s="1"/>
    </row>
    <row r="241" spans="1:72" s="37" customFormat="1" ht="7.5" customHeight="1" x14ac:dyDescent="0.55000000000000004">
      <c r="A241" s="1"/>
      <c r="B241" s="1"/>
      <c r="C241" s="1"/>
      <c r="D241" s="1"/>
      <c r="E241" s="1"/>
      <c r="F241" s="1"/>
      <c r="G241" s="1"/>
      <c r="H241" s="1"/>
      <c r="I241" s="1"/>
      <c r="J241" s="1"/>
      <c r="K241" s="1"/>
      <c r="L241" s="1"/>
      <c r="M241" s="1"/>
      <c r="N241" s="1"/>
      <c r="O241" s="1"/>
      <c r="P241" s="1"/>
      <c r="Q241" s="1"/>
      <c r="R241" s="1"/>
      <c r="S241" s="1"/>
      <c r="T241" s="1"/>
      <c r="U241" s="1"/>
      <c r="V241" s="1"/>
      <c r="W241" s="1"/>
      <c r="X241" s="1"/>
      <c r="Y241" s="1"/>
      <c r="Z241" s="1"/>
      <c r="AA241" s="1"/>
      <c r="AB241" s="1"/>
      <c r="AC241" s="1"/>
      <c r="AD241" s="1"/>
      <c r="AE241" s="1"/>
      <c r="AF241" s="1"/>
      <c r="AG241" s="1"/>
      <c r="AH241" s="1"/>
      <c r="AI241" s="1"/>
      <c r="AJ241" s="1"/>
      <c r="AK241" s="1"/>
      <c r="AL241" s="1"/>
      <c r="AM241" s="1"/>
      <c r="AN241" s="1"/>
      <c r="AO241" s="1"/>
      <c r="AP241" s="1"/>
      <c r="AQ241" s="1"/>
      <c r="AR241" s="1"/>
      <c r="AS241" s="1"/>
      <c r="AT241" s="1"/>
      <c r="AU241" s="1"/>
      <c r="AV241" s="1"/>
      <c r="AW241" s="1"/>
      <c r="AX241" s="1"/>
      <c r="AY241" s="1"/>
      <c r="AZ241" s="1"/>
      <c r="BA241" s="1"/>
      <c r="BB241" s="1"/>
      <c r="BC241" s="1"/>
      <c r="BD241" s="1"/>
      <c r="BE241" s="1"/>
      <c r="BF241" s="1"/>
      <c r="BG241" s="1"/>
      <c r="BH241" s="1"/>
      <c r="BI241" s="1"/>
      <c r="BJ241" s="1"/>
      <c r="BK241" s="1"/>
      <c r="BL241" s="1"/>
      <c r="BM241" s="1"/>
      <c r="BN241" s="1"/>
      <c r="BO241" s="1"/>
      <c r="BP241" s="1"/>
      <c r="BQ241" s="1"/>
      <c r="BR241" s="1"/>
      <c r="BS241" s="1"/>
      <c r="BT241" s="1"/>
    </row>
    <row r="242" spans="1:72" s="37" customFormat="1" ht="7.5" customHeight="1" x14ac:dyDescent="0.55000000000000004">
      <c r="A242" s="1"/>
      <c r="B242" s="1"/>
      <c r="C242" s="1"/>
      <c r="D242" s="1"/>
      <c r="E242" s="1"/>
      <c r="F242" s="1"/>
      <c r="G242" s="1"/>
      <c r="H242" s="1"/>
      <c r="I242" s="1"/>
      <c r="J242" s="1"/>
      <c r="K242" s="1"/>
      <c r="L242" s="1"/>
      <c r="M242" s="1"/>
      <c r="N242" s="1"/>
      <c r="O242" s="1"/>
      <c r="P242" s="1"/>
      <c r="Q242" s="1"/>
      <c r="R242" s="1"/>
      <c r="S242" s="1"/>
      <c r="T242" s="1"/>
      <c r="U242" s="1"/>
      <c r="V242" s="1"/>
      <c r="W242" s="1"/>
      <c r="X242" s="1"/>
      <c r="Y242" s="1"/>
      <c r="Z242" s="1"/>
      <c r="AA242" s="1"/>
      <c r="AB242" s="1"/>
      <c r="AC242" s="1"/>
      <c r="AD242" s="1"/>
      <c r="AE242" s="1"/>
      <c r="AF242" s="1"/>
      <c r="AG242" s="1"/>
      <c r="AH242" s="1"/>
      <c r="AI242" s="1"/>
      <c r="AJ242" s="1"/>
      <c r="AK242" s="1"/>
      <c r="AL242" s="1"/>
      <c r="AM242" s="1"/>
      <c r="AN242" s="1"/>
      <c r="AO242" s="1"/>
      <c r="AP242" s="1"/>
      <c r="AQ242" s="1"/>
      <c r="AR242" s="1"/>
      <c r="AS242" s="1"/>
      <c r="AT242" s="1"/>
      <c r="AU242" s="1"/>
      <c r="AV242" s="1"/>
      <c r="AW242" s="1"/>
      <c r="AX242" s="1"/>
      <c r="AY242" s="1"/>
      <c r="AZ242" s="1"/>
      <c r="BA242" s="1"/>
      <c r="BB242" s="1"/>
      <c r="BC242" s="1"/>
      <c r="BD242" s="1"/>
      <c r="BE242" s="1"/>
      <c r="BF242" s="1"/>
      <c r="BG242" s="1"/>
      <c r="BH242" s="1"/>
      <c r="BI242" s="1"/>
      <c r="BJ242" s="1"/>
      <c r="BK242" s="1"/>
      <c r="BL242" s="1"/>
      <c r="BM242" s="1"/>
      <c r="BN242" s="1"/>
      <c r="BO242" s="1"/>
      <c r="BP242" s="1"/>
      <c r="BQ242" s="1"/>
      <c r="BR242" s="1"/>
      <c r="BS242" s="1"/>
      <c r="BT242" s="1"/>
    </row>
    <row r="243" spans="1:72" s="37" customFormat="1" ht="7.5" customHeight="1" x14ac:dyDescent="0.55000000000000004">
      <c r="A243" s="1"/>
      <c r="B243" s="1"/>
      <c r="C243" s="1"/>
      <c r="D243" s="1"/>
      <c r="E243" s="1"/>
      <c r="F243" s="1"/>
      <c r="G243" s="1"/>
      <c r="H243" s="1"/>
      <c r="I243" s="1"/>
      <c r="J243" s="1"/>
      <c r="K243" s="1"/>
      <c r="L243" s="1"/>
      <c r="M243" s="1"/>
      <c r="N243" s="1"/>
      <c r="O243" s="1"/>
      <c r="P243" s="1"/>
      <c r="Q243" s="1"/>
      <c r="R243" s="1"/>
      <c r="S243" s="1"/>
      <c r="T243" s="1"/>
      <c r="U243" s="1"/>
      <c r="V243" s="1"/>
      <c r="W243" s="1"/>
      <c r="X243" s="1"/>
      <c r="Y243" s="1"/>
      <c r="Z243" s="1"/>
      <c r="AA243" s="1"/>
      <c r="AB243" s="1"/>
      <c r="AC243" s="1"/>
      <c r="AD243" s="1"/>
      <c r="AE243" s="1"/>
      <c r="AF243" s="1"/>
      <c r="AG243" s="1"/>
      <c r="AH243" s="1"/>
      <c r="AI243" s="1"/>
      <c r="AJ243" s="1"/>
      <c r="AK243" s="1"/>
      <c r="AL243" s="1"/>
      <c r="AM243" s="1"/>
      <c r="AN243" s="1"/>
      <c r="AO243" s="1"/>
      <c r="AP243" s="1"/>
      <c r="AQ243" s="1"/>
      <c r="AR243" s="1"/>
      <c r="AS243" s="1"/>
      <c r="AT243" s="1"/>
      <c r="AU243" s="1"/>
      <c r="AV243" s="1"/>
      <c r="AW243" s="1"/>
      <c r="AX243" s="1"/>
      <c r="AY243" s="1"/>
      <c r="AZ243" s="1"/>
      <c r="BA243" s="1"/>
      <c r="BB243" s="1"/>
      <c r="BC243" s="1"/>
      <c r="BD243" s="1"/>
      <c r="BE243" s="1"/>
      <c r="BF243" s="1"/>
      <c r="BG243" s="1"/>
      <c r="BH243" s="1"/>
      <c r="BI243" s="1"/>
      <c r="BJ243" s="1"/>
      <c r="BK243" s="1"/>
      <c r="BL243" s="1"/>
      <c r="BM243" s="1"/>
      <c r="BN243" s="1"/>
      <c r="BO243" s="1"/>
      <c r="BP243" s="1"/>
      <c r="BQ243" s="1"/>
      <c r="BR243" s="1"/>
      <c r="BS243" s="1"/>
      <c r="BT243" s="1"/>
    </row>
    <row r="244" spans="1:72" s="37" customFormat="1" ht="7.5" customHeight="1" x14ac:dyDescent="0.55000000000000004">
      <c r="A244" s="1"/>
      <c r="B244" s="1"/>
      <c r="C244" s="1"/>
      <c r="D244" s="1"/>
      <c r="E244" s="1"/>
      <c r="F244" s="1"/>
      <c r="G244" s="1"/>
      <c r="H244" s="1"/>
      <c r="I244" s="1"/>
      <c r="J244" s="1"/>
      <c r="K244" s="1"/>
      <c r="L244" s="1"/>
      <c r="M244" s="1"/>
      <c r="N244" s="1"/>
      <c r="O244" s="1"/>
      <c r="P244" s="1"/>
      <c r="Q244" s="1"/>
      <c r="R244" s="1"/>
      <c r="S244" s="1"/>
      <c r="T244" s="1"/>
      <c r="U244" s="1"/>
      <c r="V244" s="1"/>
      <c r="W244" s="1"/>
      <c r="X244" s="1"/>
      <c r="Y244" s="1"/>
      <c r="Z244" s="1"/>
      <c r="AA244" s="1"/>
      <c r="AB244" s="1"/>
      <c r="AC244" s="1"/>
      <c r="AD244" s="1"/>
      <c r="AE244" s="1"/>
      <c r="AF244" s="1"/>
      <c r="AG244" s="1"/>
      <c r="AH244" s="1"/>
      <c r="AI244" s="1"/>
      <c r="AJ244" s="1"/>
      <c r="AK244" s="1"/>
      <c r="AL244" s="1"/>
      <c r="AM244" s="1"/>
      <c r="AN244" s="1"/>
      <c r="AO244" s="1"/>
      <c r="AP244" s="1"/>
      <c r="AQ244" s="1"/>
      <c r="AR244" s="1"/>
      <c r="AS244" s="1"/>
      <c r="AT244" s="1"/>
      <c r="AU244" s="1"/>
      <c r="AV244" s="1"/>
      <c r="AW244" s="1"/>
      <c r="AX244" s="1"/>
      <c r="AY244" s="1"/>
      <c r="AZ244" s="1"/>
      <c r="BA244" s="1"/>
      <c r="BB244" s="1"/>
      <c r="BC244" s="1"/>
      <c r="BD244" s="1"/>
      <c r="BE244" s="1"/>
      <c r="BF244" s="1"/>
      <c r="BG244" s="1"/>
      <c r="BH244" s="1"/>
      <c r="BI244" s="1"/>
      <c r="BJ244" s="1"/>
      <c r="BK244" s="1"/>
      <c r="BL244" s="1"/>
      <c r="BM244" s="1"/>
      <c r="BN244" s="1"/>
      <c r="BO244" s="1"/>
      <c r="BP244" s="1"/>
      <c r="BQ244" s="1"/>
      <c r="BR244" s="1"/>
      <c r="BS244" s="1"/>
      <c r="BT244" s="1"/>
    </row>
    <row r="245" spans="1:72" s="37" customFormat="1" ht="7.5" customHeight="1" x14ac:dyDescent="0.55000000000000004">
      <c r="A245" s="1"/>
      <c r="B245" s="1"/>
      <c r="C245" s="1"/>
      <c r="D245" s="1"/>
      <c r="E245" s="1"/>
      <c r="F245" s="1"/>
      <c r="G245" s="1"/>
      <c r="H245" s="1"/>
      <c r="I245" s="1"/>
      <c r="J245" s="1"/>
      <c r="K245" s="1"/>
      <c r="L245" s="1"/>
      <c r="M245" s="1"/>
      <c r="N245" s="1"/>
      <c r="O245" s="1"/>
      <c r="P245" s="1"/>
      <c r="Q245" s="1"/>
      <c r="R245" s="1"/>
      <c r="S245" s="1"/>
      <c r="T245" s="1"/>
      <c r="U245" s="1"/>
      <c r="V245" s="1"/>
      <c r="W245" s="1"/>
      <c r="X245" s="1"/>
      <c r="Y245" s="1"/>
      <c r="Z245" s="1"/>
      <c r="AA245" s="1"/>
      <c r="AB245" s="1"/>
      <c r="AC245" s="1"/>
      <c r="AD245" s="1"/>
      <c r="AE245" s="1"/>
      <c r="AF245" s="1"/>
      <c r="AG245" s="1"/>
      <c r="AH245" s="1"/>
      <c r="AI245" s="1"/>
      <c r="AJ245" s="1"/>
      <c r="AK245" s="1"/>
      <c r="AL245" s="1"/>
      <c r="AM245" s="1"/>
      <c r="AN245" s="1"/>
      <c r="AO245" s="1"/>
      <c r="AP245" s="1"/>
      <c r="AQ245" s="1"/>
      <c r="AR245" s="1"/>
      <c r="AS245" s="1"/>
      <c r="AT245" s="1"/>
      <c r="AU245" s="1"/>
      <c r="AV245" s="1"/>
      <c r="AW245" s="1"/>
      <c r="AX245" s="1"/>
      <c r="AY245" s="1"/>
      <c r="AZ245" s="1"/>
      <c r="BA245" s="1"/>
      <c r="BB245" s="1"/>
      <c r="BC245" s="1"/>
      <c r="BD245" s="1"/>
      <c r="BE245" s="1"/>
      <c r="BF245" s="1"/>
      <c r="BG245" s="1"/>
      <c r="BH245" s="1"/>
      <c r="BI245" s="1"/>
      <c r="BJ245" s="1"/>
      <c r="BK245" s="1"/>
      <c r="BL245" s="1"/>
      <c r="BM245" s="1"/>
      <c r="BN245" s="1"/>
      <c r="BO245" s="1"/>
      <c r="BP245" s="1"/>
      <c r="BQ245" s="1"/>
      <c r="BR245" s="1"/>
      <c r="BS245" s="1"/>
      <c r="BT245" s="1"/>
    </row>
    <row r="246" spans="1:72" s="37" customFormat="1" ht="7.5" customHeight="1" x14ac:dyDescent="0.55000000000000004">
      <c r="A246" s="1"/>
      <c r="B246" s="1"/>
      <c r="C246" s="1"/>
      <c r="D246" s="1"/>
      <c r="E246" s="1"/>
      <c r="F246" s="1"/>
      <c r="G246" s="1"/>
      <c r="H246" s="1"/>
      <c r="I246" s="1"/>
      <c r="J246" s="1"/>
      <c r="K246" s="1"/>
      <c r="L246" s="1"/>
      <c r="M246" s="1"/>
      <c r="N246" s="1"/>
      <c r="O246" s="1"/>
      <c r="P246" s="1"/>
      <c r="Q246" s="1"/>
      <c r="R246" s="1"/>
      <c r="S246" s="1"/>
      <c r="T246" s="1"/>
      <c r="U246" s="1"/>
      <c r="V246" s="1"/>
      <c r="W246" s="1"/>
      <c r="X246" s="1"/>
      <c r="Y246" s="1"/>
      <c r="Z246" s="1"/>
      <c r="AA246" s="1"/>
      <c r="AB246" s="1"/>
      <c r="AC246" s="1"/>
      <c r="AD246" s="1"/>
      <c r="AE246" s="1"/>
      <c r="AF246" s="1"/>
      <c r="AG246" s="1"/>
      <c r="AH246" s="1"/>
      <c r="AI246" s="1"/>
      <c r="AJ246" s="1"/>
      <c r="AK246" s="1"/>
      <c r="AL246" s="1"/>
      <c r="AM246" s="1"/>
      <c r="AN246" s="1"/>
      <c r="AO246" s="1"/>
      <c r="AP246" s="1"/>
      <c r="AQ246" s="1"/>
      <c r="AR246" s="1"/>
      <c r="AS246" s="1"/>
      <c r="AT246" s="1"/>
      <c r="AU246" s="1"/>
      <c r="AV246" s="1"/>
      <c r="AW246" s="1"/>
      <c r="AX246" s="1"/>
      <c r="AY246" s="1"/>
      <c r="AZ246" s="1"/>
      <c r="BA246" s="1"/>
      <c r="BB246" s="1"/>
      <c r="BC246" s="1"/>
      <c r="BD246" s="1"/>
      <c r="BE246" s="1"/>
      <c r="BF246" s="1"/>
      <c r="BG246" s="1"/>
      <c r="BH246" s="1"/>
      <c r="BI246" s="1"/>
      <c r="BJ246" s="1"/>
      <c r="BK246" s="1"/>
      <c r="BL246" s="1"/>
      <c r="BM246" s="1"/>
      <c r="BN246" s="1"/>
      <c r="BO246" s="1"/>
      <c r="BP246" s="1"/>
      <c r="BQ246" s="1"/>
      <c r="BR246" s="1"/>
      <c r="BS246" s="1"/>
      <c r="BT246" s="1"/>
    </row>
    <row r="247" spans="1:72" s="37" customFormat="1" ht="7.5" customHeight="1" x14ac:dyDescent="0.55000000000000004">
      <c r="A247" s="1"/>
      <c r="B247" s="1"/>
      <c r="C247" s="1"/>
      <c r="D247" s="1"/>
      <c r="E247" s="1"/>
      <c r="F247" s="1"/>
      <c r="G247" s="1"/>
      <c r="H247" s="1"/>
      <c r="I247" s="1"/>
      <c r="J247" s="1"/>
      <c r="K247" s="1"/>
      <c r="L247" s="1"/>
      <c r="M247" s="1"/>
      <c r="N247" s="1"/>
      <c r="O247" s="1"/>
      <c r="P247" s="1"/>
      <c r="Q247" s="1"/>
      <c r="R247" s="1"/>
      <c r="S247" s="1"/>
      <c r="T247" s="1"/>
      <c r="U247" s="1"/>
      <c r="V247" s="1"/>
      <c r="W247" s="1"/>
      <c r="X247" s="1"/>
      <c r="Y247" s="1"/>
      <c r="Z247" s="1"/>
      <c r="AA247" s="1"/>
      <c r="AB247" s="1"/>
      <c r="AC247" s="1"/>
      <c r="AD247" s="1"/>
      <c r="AE247" s="1"/>
      <c r="AF247" s="1"/>
      <c r="AG247" s="1"/>
      <c r="AH247" s="1"/>
      <c r="AI247" s="1"/>
      <c r="AJ247" s="1"/>
      <c r="AK247" s="1"/>
      <c r="AL247" s="1"/>
      <c r="AM247" s="1"/>
      <c r="AN247" s="1"/>
      <c r="AO247" s="1"/>
      <c r="AP247" s="1"/>
      <c r="AQ247" s="1"/>
      <c r="AR247" s="1"/>
      <c r="AS247" s="1"/>
      <c r="AT247" s="1"/>
      <c r="AU247" s="1"/>
      <c r="AV247" s="1"/>
      <c r="AW247" s="1"/>
      <c r="AX247" s="1"/>
      <c r="AY247" s="1"/>
      <c r="AZ247" s="1"/>
      <c r="BA247" s="1"/>
      <c r="BB247" s="1"/>
      <c r="BC247" s="1"/>
      <c r="BD247" s="1"/>
      <c r="BE247" s="1"/>
      <c r="BF247" s="1"/>
      <c r="BG247" s="1"/>
      <c r="BH247" s="1"/>
      <c r="BI247" s="1"/>
      <c r="BJ247" s="1"/>
      <c r="BK247" s="1"/>
      <c r="BL247" s="1"/>
      <c r="BM247" s="1"/>
      <c r="BN247" s="1"/>
      <c r="BO247" s="1"/>
      <c r="BP247" s="1"/>
      <c r="BQ247" s="1"/>
      <c r="BR247" s="1"/>
      <c r="BS247" s="1"/>
      <c r="BT247" s="1"/>
    </row>
    <row r="248" spans="1:72" s="37" customFormat="1" ht="7.5" customHeight="1" x14ac:dyDescent="0.55000000000000004">
      <c r="A248" s="1"/>
      <c r="B248" s="1"/>
      <c r="C248" s="1"/>
      <c r="D248" s="1"/>
      <c r="E248" s="1"/>
      <c r="F248" s="1"/>
      <c r="G248" s="1"/>
      <c r="H248" s="1"/>
      <c r="I248" s="1"/>
      <c r="J248" s="1"/>
      <c r="K248" s="1"/>
      <c r="L248" s="1"/>
      <c r="M248" s="1"/>
      <c r="N248" s="1"/>
      <c r="O248" s="1"/>
      <c r="P248" s="1"/>
      <c r="Q248" s="1"/>
      <c r="R248" s="1"/>
      <c r="S248" s="1"/>
      <c r="T248" s="1"/>
      <c r="U248" s="1"/>
      <c r="V248" s="1"/>
      <c r="W248" s="1"/>
      <c r="X248" s="1"/>
      <c r="Y248" s="1"/>
      <c r="Z248" s="1"/>
      <c r="AA248" s="1"/>
      <c r="AB248" s="1"/>
      <c r="AC248" s="1"/>
      <c r="AD248" s="1"/>
      <c r="AE248" s="1"/>
      <c r="AF248" s="1"/>
      <c r="AG248" s="1"/>
      <c r="AH248" s="1"/>
      <c r="AI248" s="1"/>
      <c r="AJ248" s="1"/>
      <c r="AK248" s="1"/>
      <c r="AL248" s="1"/>
      <c r="AM248" s="1"/>
      <c r="AN248" s="1"/>
      <c r="AO248" s="1"/>
      <c r="AP248" s="1"/>
      <c r="AQ248" s="1"/>
      <c r="AR248" s="1"/>
      <c r="AS248" s="1"/>
      <c r="AT248" s="1"/>
      <c r="AU248" s="1"/>
      <c r="AV248" s="1"/>
      <c r="AW248" s="1"/>
      <c r="AX248" s="1"/>
      <c r="AY248" s="1"/>
      <c r="AZ248" s="1"/>
      <c r="BA248" s="1"/>
      <c r="BB248" s="1"/>
      <c r="BC248" s="1"/>
      <c r="BD248" s="1"/>
      <c r="BE248" s="1"/>
      <c r="BF248" s="1"/>
      <c r="BG248" s="1"/>
      <c r="BH248" s="1"/>
      <c r="BI248" s="1"/>
      <c r="BJ248" s="1"/>
      <c r="BK248" s="1"/>
      <c r="BL248" s="1"/>
      <c r="BM248" s="1"/>
      <c r="BN248" s="1"/>
      <c r="BO248" s="1"/>
      <c r="BP248" s="1"/>
      <c r="BQ248" s="1"/>
      <c r="BR248" s="1"/>
      <c r="BS248" s="1"/>
      <c r="BT248" s="1"/>
    </row>
    <row r="249" spans="1:72" s="37" customFormat="1" ht="7.5" customHeight="1" x14ac:dyDescent="0.55000000000000004">
      <c r="A249" s="1"/>
      <c r="B249" s="1"/>
      <c r="C249" s="1"/>
      <c r="D249" s="1"/>
      <c r="E249" s="1"/>
      <c r="F249" s="1"/>
      <c r="G249" s="1"/>
      <c r="H249" s="1"/>
      <c r="I249" s="1"/>
      <c r="J249" s="1"/>
      <c r="K249" s="1"/>
      <c r="L249" s="1"/>
      <c r="M249" s="1"/>
      <c r="N249" s="1"/>
      <c r="O249" s="1"/>
      <c r="P249" s="1"/>
      <c r="Q249" s="1"/>
      <c r="R249" s="1"/>
      <c r="S249" s="1"/>
      <c r="T249" s="1"/>
      <c r="U249" s="1"/>
      <c r="V249" s="1"/>
      <c r="W249" s="1"/>
      <c r="X249" s="1"/>
      <c r="Y249" s="1"/>
      <c r="Z249" s="1"/>
      <c r="AA249" s="1"/>
      <c r="AB249" s="1"/>
      <c r="AC249" s="1"/>
      <c r="AD249" s="1"/>
      <c r="AE249" s="1"/>
      <c r="AF249" s="1"/>
      <c r="AG249" s="1"/>
      <c r="AH249" s="1"/>
      <c r="AI249" s="1"/>
      <c r="AJ249" s="1"/>
      <c r="AK249" s="1"/>
      <c r="AL249" s="1"/>
      <c r="AM249" s="1"/>
      <c r="AN249" s="1"/>
      <c r="AO249" s="1"/>
      <c r="AP249" s="1"/>
      <c r="AQ249" s="1"/>
      <c r="AR249" s="1"/>
      <c r="AS249" s="1"/>
      <c r="AT249" s="1"/>
      <c r="AU249" s="1"/>
      <c r="AV249" s="1"/>
      <c r="AW249" s="1"/>
      <c r="AX249" s="1"/>
      <c r="AY249" s="1"/>
      <c r="AZ249" s="1"/>
      <c r="BA249" s="1"/>
      <c r="BB249" s="1"/>
      <c r="BC249" s="1"/>
      <c r="BD249" s="1"/>
      <c r="BE249" s="1"/>
      <c r="BF249" s="1"/>
      <c r="BG249" s="1"/>
      <c r="BH249" s="1"/>
      <c r="BI249" s="1"/>
      <c r="BJ249" s="1"/>
      <c r="BK249" s="1"/>
      <c r="BL249" s="1"/>
      <c r="BM249" s="1"/>
      <c r="BN249" s="1"/>
      <c r="BO249" s="1"/>
      <c r="BP249" s="1"/>
      <c r="BQ249" s="1"/>
      <c r="BR249" s="1"/>
      <c r="BS249" s="1"/>
      <c r="BT249" s="1"/>
    </row>
    <row r="250" spans="1:72" s="37" customFormat="1" ht="7.5" customHeight="1" x14ac:dyDescent="0.55000000000000004">
      <c r="A250" s="1"/>
      <c r="B250" s="1"/>
      <c r="C250" s="1"/>
      <c r="D250" s="1"/>
      <c r="E250" s="1"/>
      <c r="F250" s="1"/>
      <c r="G250" s="1"/>
      <c r="H250" s="1"/>
      <c r="I250" s="1"/>
      <c r="J250" s="1"/>
      <c r="K250" s="1"/>
      <c r="L250" s="1"/>
      <c r="M250" s="1"/>
      <c r="N250" s="1"/>
      <c r="O250" s="1"/>
      <c r="P250" s="1"/>
      <c r="Q250" s="1"/>
      <c r="R250" s="1"/>
      <c r="S250" s="1"/>
      <c r="T250" s="1"/>
      <c r="U250" s="1"/>
      <c r="V250" s="1"/>
      <c r="W250" s="1"/>
      <c r="X250" s="1"/>
      <c r="Y250" s="1"/>
      <c r="Z250" s="1"/>
      <c r="AA250" s="1"/>
      <c r="AB250" s="1"/>
      <c r="AC250" s="1"/>
      <c r="AD250" s="1"/>
      <c r="AE250" s="1"/>
      <c r="AF250" s="1"/>
      <c r="AG250" s="1"/>
      <c r="AH250" s="1"/>
      <c r="AI250" s="1"/>
      <c r="AJ250" s="1"/>
      <c r="AK250" s="1"/>
      <c r="AL250" s="1"/>
      <c r="AM250" s="1"/>
      <c r="AN250" s="1"/>
      <c r="AO250" s="1"/>
      <c r="AP250" s="1"/>
      <c r="AQ250" s="1"/>
      <c r="AR250" s="1"/>
      <c r="AS250" s="1"/>
      <c r="AT250" s="1"/>
      <c r="AU250" s="1"/>
      <c r="AV250" s="1"/>
      <c r="AW250" s="1"/>
      <c r="AX250" s="1"/>
      <c r="AY250" s="1"/>
      <c r="AZ250" s="1"/>
      <c r="BA250" s="1"/>
      <c r="BB250" s="1"/>
      <c r="BC250" s="1"/>
      <c r="BD250" s="1"/>
      <c r="BE250" s="1"/>
      <c r="BF250" s="1"/>
      <c r="BG250" s="1"/>
      <c r="BH250" s="1"/>
      <c r="BI250" s="1"/>
      <c r="BJ250" s="1"/>
      <c r="BK250" s="1"/>
      <c r="BL250" s="1"/>
      <c r="BM250" s="1"/>
      <c r="BN250" s="1"/>
      <c r="BO250" s="1"/>
      <c r="BP250" s="1"/>
      <c r="BQ250" s="1"/>
      <c r="BR250" s="1"/>
      <c r="BS250" s="1"/>
      <c r="BT250" s="1"/>
    </row>
  </sheetData>
  <protectedRanges>
    <protectedRange sqref="CW44:CX45 CR43:CV45" name="範囲3_1"/>
    <protectedRange sqref="CR43:CV45 CW44:CX45" name="範囲1_1"/>
    <protectedRange sqref="BV8:CQ9 BN10 K15:BT17 K28:BT39 BP10:CQ10 AT21:BI27 BU21:BZ27 BF40:CN42 BF46 BH51 BM52:BM77 K21:AK27 K40:AS42 BF43 N43:AU49 BI78:CD78 BH44:BH45 BD49:CM49 BI43:CQ48 BH47:BH48 D51:D54 D56:D58 D60:D66 D78:AR78 D68:D70 DH55 DM56:DM81 DN55:EH81 D72:D77 BN51:CH77 AW52:AW53 AE51 AL51:AN51 AE52:AF53 AL52:AO53 AG75:AO77 AW61:AW62 AE60 AL60:AN60 AE61:AF62 AL61:AO62 E51:AD77 AE54 AE57 AE55:AF56 AE58:AF59 AE63 AE64:AF65 AE66 AE69 AE72 AE67:AF68 AE70:AF71 AE73:AF77 AG51:AK74 AW55:AW56 AW58:AW59 AL54:AN54 AL57:AN57 AL55:AO56 AL58:AO59 AW64:AW65 AL63:AN63 AL64:AO65 AW67:AW68 AW70:AW71 AW73:AW78 AL66:AN66 AL69:AN69 AL72:AN72 AL67:AO68 AL70:AO71 AL73:AO74 AZ51:AZ78 AP51:AR77" name="範囲3_1_1"/>
    <protectedRange sqref="BH47:BH48 BV8:CQ9 BN10 K15:BT17 K28:BT39 BP10:CQ10 AT21:BI27 BU21:BZ27 BF40:CN42 BF46 BH51 BM52:BM77 K21:AK27 K40:AS42 BF43 N43:AU49 BI78:CD78 BH44:BH45 BD49:CM49 BI43:CQ48 D51:D54 D56:D58 D60:D66 D78:AR78 D68:D70 DH55 DM56:DM81 DN55:EH81 D72:D77 BN51:CH77 AW52:AW53 AE51 AL51:AN51 AE52:AF53 AL52:AO53 AG75:AO77 AW61:AW62 AE60 AL60:AN60 AE61:AF62 AL61:AO62 E51:AD77 AE54 AE57 AE55:AF56 AE58:AF59 AE63 AE64:AF65 AE66 AE69 AE72 AE67:AF68 AE70:AF71 AE73:AF77 AG51:AK74 AW55:AW56 AW58:AW59 AL54:AN54 AL57:AN57 AL55:AO56 AL58:AO59 AW64:AW65 AL63:AN63 AL64:AO65 AW67:AW68 AW70:AW71 AW73:AW78 AL66:AN66 AL69:AN69 AL72:AN72 AL67:AO68 AL70:AO71 AL73:AO74 AZ51:AZ78 AP51:AR77" name="範囲1_1_1"/>
    <protectedRange sqref="K21:AK27 BV8:CQ9 BN10 K15:BT17 BP10:CQ10 AT21:BI27 BU21:BZ27" name="範囲2_1_1"/>
  </protectedRanges>
  <mergeCells count="140">
    <mergeCell ref="BS126:BT129"/>
    <mergeCell ref="AE60:BD62"/>
    <mergeCell ref="A12:CM14"/>
    <mergeCell ref="A1:P2"/>
    <mergeCell ref="A3:CN5"/>
    <mergeCell ref="A6:CN6"/>
    <mergeCell ref="A8:R9"/>
    <mergeCell ref="BV8:CQ9"/>
    <mergeCell ref="BN10:CQ10"/>
    <mergeCell ref="BU126:CQ129"/>
    <mergeCell ref="A15:J17"/>
    <mergeCell ref="K15:CQ17"/>
    <mergeCell ref="A18:J27"/>
    <mergeCell ref="K18:AS20"/>
    <mergeCell ref="AT18:BT20"/>
    <mergeCell ref="BU18:CB20"/>
    <mergeCell ref="CC18:CQ20"/>
    <mergeCell ref="K21:AS22"/>
    <mergeCell ref="AT21:BT27"/>
    <mergeCell ref="BU21:CB27"/>
    <mergeCell ref="CC21:CQ27"/>
    <mergeCell ref="K23:AS27"/>
    <mergeCell ref="A28:J39"/>
    <mergeCell ref="K28:CQ33"/>
    <mergeCell ref="K34:CQ39"/>
    <mergeCell ref="A40:J48"/>
    <mergeCell ref="K40:BE42"/>
    <mergeCell ref="BF40:CQ42"/>
    <mergeCell ref="K43:M45"/>
    <mergeCell ref="N43:BE45"/>
    <mergeCell ref="BF43:CQ45"/>
    <mergeCell ref="K46:M48"/>
    <mergeCell ref="N46:BE48"/>
    <mergeCell ref="BF46:CQ48"/>
    <mergeCell ref="A50:CQ50"/>
    <mergeCell ref="L113:CQ116"/>
    <mergeCell ref="A51:C77"/>
    <mergeCell ref="BE51:BG77"/>
    <mergeCell ref="D51:V53"/>
    <mergeCell ref="L95:S100"/>
    <mergeCell ref="BB95:BI100"/>
    <mergeCell ref="L101:S106"/>
    <mergeCell ref="BB101:BI106"/>
    <mergeCell ref="L107:S112"/>
    <mergeCell ref="BB107:BI112"/>
    <mergeCell ref="D66:V68"/>
    <mergeCell ref="D69:V71"/>
    <mergeCell ref="D72:V74"/>
    <mergeCell ref="D75:V77"/>
    <mergeCell ref="W51:AD53"/>
    <mergeCell ref="AE51:AK53"/>
    <mergeCell ref="AL51:BD53"/>
    <mergeCell ref="BH51:CQ52"/>
    <mergeCell ref="BH59:CQ62"/>
    <mergeCell ref="BH63:CQ65"/>
    <mergeCell ref="BH66:CQ68"/>
    <mergeCell ref="BH69:CQ71"/>
    <mergeCell ref="BH72:CQ74"/>
    <mergeCell ref="A133:K133"/>
    <mergeCell ref="L133:CQ133"/>
    <mergeCell ref="A121:K125"/>
    <mergeCell ref="L121:CQ123"/>
    <mergeCell ref="L124:CQ125"/>
    <mergeCell ref="A126:K129"/>
    <mergeCell ref="A130:K132"/>
    <mergeCell ref="L130:CQ132"/>
    <mergeCell ref="A117:K120"/>
    <mergeCell ref="L117:AU120"/>
    <mergeCell ref="AV117:BI120"/>
    <mergeCell ref="BJ117:CQ120"/>
    <mergeCell ref="L126:V129"/>
    <mergeCell ref="W126:X129"/>
    <mergeCell ref="Y126:AD129"/>
    <mergeCell ref="AE126:AF129"/>
    <mergeCell ref="AG126:AL129"/>
    <mergeCell ref="AM126:AN129"/>
    <mergeCell ref="AO126:AQ129"/>
    <mergeCell ref="AR126:BB129"/>
    <mergeCell ref="BC126:BD129"/>
    <mergeCell ref="BE126:BJ129"/>
    <mergeCell ref="BK126:BL129"/>
    <mergeCell ref="BM126:BR129"/>
    <mergeCell ref="DH55:EQ81"/>
    <mergeCell ref="D54:V56"/>
    <mergeCell ref="D57:V59"/>
    <mergeCell ref="D60:V62"/>
    <mergeCell ref="D63:V65"/>
    <mergeCell ref="W63:AD65"/>
    <mergeCell ref="AE63:AK65"/>
    <mergeCell ref="AL63:BD65"/>
    <mergeCell ref="W75:BD77"/>
    <mergeCell ref="W54:AD56"/>
    <mergeCell ref="AE54:AK56"/>
    <mergeCell ref="W57:AD59"/>
    <mergeCell ref="AE57:AK59"/>
    <mergeCell ref="AL54:BD56"/>
    <mergeCell ref="AL57:BD59"/>
    <mergeCell ref="W60:AD62"/>
    <mergeCell ref="W66:AD68"/>
    <mergeCell ref="AE66:AK68"/>
    <mergeCell ref="AL66:BD68"/>
    <mergeCell ref="W69:AD71"/>
    <mergeCell ref="AE69:AK71"/>
    <mergeCell ref="AL69:BD71"/>
    <mergeCell ref="BH53:CQ56"/>
    <mergeCell ref="BH57:CQ58"/>
    <mergeCell ref="BH75:CQ77"/>
    <mergeCell ref="AT83:BA88"/>
    <mergeCell ref="T83:AS88"/>
    <mergeCell ref="L81:AS82"/>
    <mergeCell ref="AT81:BA82"/>
    <mergeCell ref="CK81:CQ82"/>
    <mergeCell ref="BB81:CJ82"/>
    <mergeCell ref="BJ83:CJ88"/>
    <mergeCell ref="W72:AD74"/>
    <mergeCell ref="AE72:AK74"/>
    <mergeCell ref="AL72:BD74"/>
    <mergeCell ref="A79:CQ80"/>
    <mergeCell ref="A81:K116"/>
    <mergeCell ref="L83:S88"/>
    <mergeCell ref="BB83:BI88"/>
    <mergeCell ref="L89:S94"/>
    <mergeCell ref="BB89:BI94"/>
    <mergeCell ref="T107:AS112"/>
    <mergeCell ref="AT107:BA112"/>
    <mergeCell ref="CK83:CQ88"/>
    <mergeCell ref="BJ89:CJ94"/>
    <mergeCell ref="CK89:CQ94"/>
    <mergeCell ref="BJ95:CJ100"/>
    <mergeCell ref="CK95:CQ100"/>
    <mergeCell ref="BJ101:CJ106"/>
    <mergeCell ref="CK101:CQ106"/>
    <mergeCell ref="BJ107:CJ112"/>
    <mergeCell ref="CK107:CQ112"/>
    <mergeCell ref="T89:AS94"/>
    <mergeCell ref="AT89:BA94"/>
    <mergeCell ref="T95:AS100"/>
    <mergeCell ref="AT95:BA100"/>
    <mergeCell ref="T101:AS106"/>
    <mergeCell ref="AT101:BA106"/>
  </mergeCells>
  <phoneticPr fontId="2"/>
  <printOptions horizontalCentered="1" verticalCentered="1"/>
  <pageMargins left="0.43307086614173229" right="0.27559055118110237" top="0.39370078740157483" bottom="0.39370078740157483" header="0.31496062992125984" footer="0.31496062992125984"/>
  <pageSetup paperSize="9" scale="73" firstPageNumber="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24</xdr:col>
                    <xdr:colOff>44450</xdr:colOff>
                    <xdr:row>13</xdr:row>
                    <xdr:rowOff>82550</xdr:rowOff>
                  </from>
                  <to>
                    <xdr:col>32</xdr:col>
                    <xdr:colOff>31750</xdr:colOff>
                    <xdr:row>16</xdr:row>
                    <xdr:rowOff>635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58</xdr:col>
                    <xdr:colOff>63500</xdr:colOff>
                    <xdr:row>14</xdr:row>
                    <xdr:rowOff>6350</xdr:rowOff>
                  </from>
                  <to>
                    <xdr:col>64</xdr:col>
                    <xdr:colOff>57150</xdr:colOff>
                    <xdr:row>16</xdr:row>
                    <xdr:rowOff>698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73</xdr:col>
                    <xdr:colOff>63500</xdr:colOff>
                    <xdr:row>20</xdr:row>
                    <xdr:rowOff>82550</xdr:rowOff>
                  </from>
                  <to>
                    <xdr:col>81</xdr:col>
                    <xdr:colOff>25400</xdr:colOff>
                    <xdr:row>23</xdr:row>
                    <xdr:rowOff>190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3</xdr:col>
                    <xdr:colOff>69850</xdr:colOff>
                    <xdr:row>23</xdr:row>
                    <xdr:rowOff>76200</xdr:rowOff>
                  </from>
                  <to>
                    <xdr:col>79</xdr:col>
                    <xdr:colOff>50800</xdr:colOff>
                    <xdr:row>26</xdr:row>
                    <xdr:rowOff>508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23</xdr:col>
                    <xdr:colOff>19050</xdr:colOff>
                    <xdr:row>50</xdr:row>
                    <xdr:rowOff>69850</xdr:rowOff>
                  </from>
                  <to>
                    <xdr:col>28</xdr:col>
                    <xdr:colOff>69850</xdr:colOff>
                    <xdr:row>52</xdr:row>
                    <xdr:rowOff>571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30</xdr:col>
                    <xdr:colOff>76200</xdr:colOff>
                    <xdr:row>50</xdr:row>
                    <xdr:rowOff>57150</xdr:rowOff>
                  </from>
                  <to>
                    <xdr:col>36</xdr:col>
                    <xdr:colOff>38100</xdr:colOff>
                    <xdr:row>52</xdr:row>
                    <xdr:rowOff>635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37</xdr:col>
                    <xdr:colOff>6350</xdr:colOff>
                    <xdr:row>50</xdr:row>
                    <xdr:rowOff>50800</xdr:rowOff>
                  </from>
                  <to>
                    <xdr:col>44</xdr:col>
                    <xdr:colOff>44450</xdr:colOff>
                    <xdr:row>52</xdr:row>
                    <xdr:rowOff>5715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23</xdr:col>
                    <xdr:colOff>19050</xdr:colOff>
                    <xdr:row>53</xdr:row>
                    <xdr:rowOff>69850</xdr:rowOff>
                  </from>
                  <to>
                    <xdr:col>28</xdr:col>
                    <xdr:colOff>69850</xdr:colOff>
                    <xdr:row>55</xdr:row>
                    <xdr:rowOff>571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23</xdr:col>
                    <xdr:colOff>19050</xdr:colOff>
                    <xdr:row>56</xdr:row>
                    <xdr:rowOff>69850</xdr:rowOff>
                  </from>
                  <to>
                    <xdr:col>28</xdr:col>
                    <xdr:colOff>69850</xdr:colOff>
                    <xdr:row>58</xdr:row>
                    <xdr:rowOff>571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23</xdr:col>
                    <xdr:colOff>19050</xdr:colOff>
                    <xdr:row>59</xdr:row>
                    <xdr:rowOff>69850</xdr:rowOff>
                  </from>
                  <to>
                    <xdr:col>28</xdr:col>
                    <xdr:colOff>69850</xdr:colOff>
                    <xdr:row>61</xdr:row>
                    <xdr:rowOff>5715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23</xdr:col>
                    <xdr:colOff>19050</xdr:colOff>
                    <xdr:row>62</xdr:row>
                    <xdr:rowOff>69850</xdr:rowOff>
                  </from>
                  <to>
                    <xdr:col>28</xdr:col>
                    <xdr:colOff>69850</xdr:colOff>
                    <xdr:row>64</xdr:row>
                    <xdr:rowOff>571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23</xdr:col>
                    <xdr:colOff>19050</xdr:colOff>
                    <xdr:row>65</xdr:row>
                    <xdr:rowOff>69850</xdr:rowOff>
                  </from>
                  <to>
                    <xdr:col>28</xdr:col>
                    <xdr:colOff>69850</xdr:colOff>
                    <xdr:row>67</xdr:row>
                    <xdr:rowOff>5715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23</xdr:col>
                    <xdr:colOff>19050</xdr:colOff>
                    <xdr:row>68</xdr:row>
                    <xdr:rowOff>69850</xdr:rowOff>
                  </from>
                  <to>
                    <xdr:col>28</xdr:col>
                    <xdr:colOff>69850</xdr:colOff>
                    <xdr:row>70</xdr:row>
                    <xdr:rowOff>5715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23</xdr:col>
                    <xdr:colOff>19050</xdr:colOff>
                    <xdr:row>71</xdr:row>
                    <xdr:rowOff>69850</xdr:rowOff>
                  </from>
                  <to>
                    <xdr:col>28</xdr:col>
                    <xdr:colOff>69850</xdr:colOff>
                    <xdr:row>73</xdr:row>
                    <xdr:rowOff>5715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30</xdr:col>
                    <xdr:colOff>76200</xdr:colOff>
                    <xdr:row>53</xdr:row>
                    <xdr:rowOff>57150</xdr:rowOff>
                  </from>
                  <to>
                    <xdr:col>36</xdr:col>
                    <xdr:colOff>38100</xdr:colOff>
                    <xdr:row>55</xdr:row>
                    <xdr:rowOff>6350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30</xdr:col>
                    <xdr:colOff>76200</xdr:colOff>
                    <xdr:row>56</xdr:row>
                    <xdr:rowOff>57150</xdr:rowOff>
                  </from>
                  <to>
                    <xdr:col>36</xdr:col>
                    <xdr:colOff>38100</xdr:colOff>
                    <xdr:row>58</xdr:row>
                    <xdr:rowOff>6350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30</xdr:col>
                    <xdr:colOff>76200</xdr:colOff>
                    <xdr:row>62</xdr:row>
                    <xdr:rowOff>57150</xdr:rowOff>
                  </from>
                  <to>
                    <xdr:col>36</xdr:col>
                    <xdr:colOff>38100</xdr:colOff>
                    <xdr:row>64</xdr:row>
                    <xdr:rowOff>6350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30</xdr:col>
                    <xdr:colOff>76200</xdr:colOff>
                    <xdr:row>65</xdr:row>
                    <xdr:rowOff>57150</xdr:rowOff>
                  </from>
                  <to>
                    <xdr:col>36</xdr:col>
                    <xdr:colOff>38100</xdr:colOff>
                    <xdr:row>67</xdr:row>
                    <xdr:rowOff>6350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30</xdr:col>
                    <xdr:colOff>76200</xdr:colOff>
                    <xdr:row>68</xdr:row>
                    <xdr:rowOff>57150</xdr:rowOff>
                  </from>
                  <to>
                    <xdr:col>36</xdr:col>
                    <xdr:colOff>38100</xdr:colOff>
                    <xdr:row>70</xdr:row>
                    <xdr:rowOff>6350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30</xdr:col>
                    <xdr:colOff>76200</xdr:colOff>
                    <xdr:row>71</xdr:row>
                    <xdr:rowOff>57150</xdr:rowOff>
                  </from>
                  <to>
                    <xdr:col>36</xdr:col>
                    <xdr:colOff>38100</xdr:colOff>
                    <xdr:row>73</xdr:row>
                    <xdr:rowOff>6350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37</xdr:col>
                    <xdr:colOff>6350</xdr:colOff>
                    <xdr:row>53</xdr:row>
                    <xdr:rowOff>50800</xdr:rowOff>
                  </from>
                  <to>
                    <xdr:col>44</xdr:col>
                    <xdr:colOff>44450</xdr:colOff>
                    <xdr:row>55</xdr:row>
                    <xdr:rowOff>5715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37</xdr:col>
                    <xdr:colOff>6350</xdr:colOff>
                    <xdr:row>56</xdr:row>
                    <xdr:rowOff>50800</xdr:rowOff>
                  </from>
                  <to>
                    <xdr:col>44</xdr:col>
                    <xdr:colOff>44450</xdr:colOff>
                    <xdr:row>58</xdr:row>
                    <xdr:rowOff>5715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37</xdr:col>
                    <xdr:colOff>6350</xdr:colOff>
                    <xdr:row>62</xdr:row>
                    <xdr:rowOff>50800</xdr:rowOff>
                  </from>
                  <to>
                    <xdr:col>44</xdr:col>
                    <xdr:colOff>44450</xdr:colOff>
                    <xdr:row>64</xdr:row>
                    <xdr:rowOff>5715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37</xdr:col>
                    <xdr:colOff>6350</xdr:colOff>
                    <xdr:row>65</xdr:row>
                    <xdr:rowOff>50800</xdr:rowOff>
                  </from>
                  <to>
                    <xdr:col>44</xdr:col>
                    <xdr:colOff>44450</xdr:colOff>
                    <xdr:row>67</xdr:row>
                    <xdr:rowOff>5715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37</xdr:col>
                    <xdr:colOff>6350</xdr:colOff>
                    <xdr:row>68</xdr:row>
                    <xdr:rowOff>50800</xdr:rowOff>
                  </from>
                  <to>
                    <xdr:col>44</xdr:col>
                    <xdr:colOff>44450</xdr:colOff>
                    <xdr:row>70</xdr:row>
                    <xdr:rowOff>5715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37</xdr:col>
                    <xdr:colOff>6350</xdr:colOff>
                    <xdr:row>71</xdr:row>
                    <xdr:rowOff>50800</xdr:rowOff>
                  </from>
                  <to>
                    <xdr:col>44</xdr:col>
                    <xdr:colOff>44450</xdr:colOff>
                    <xdr:row>73</xdr:row>
                    <xdr:rowOff>5715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59</xdr:col>
                    <xdr:colOff>146050</xdr:colOff>
                    <xdr:row>50</xdr:row>
                    <xdr:rowOff>6350</xdr:rowOff>
                  </from>
                  <to>
                    <xdr:col>79</xdr:col>
                    <xdr:colOff>31750</xdr:colOff>
                    <xdr:row>52</xdr:row>
                    <xdr:rowOff>1905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59</xdr:col>
                    <xdr:colOff>165100</xdr:colOff>
                    <xdr:row>55</xdr:row>
                    <xdr:rowOff>107950</xdr:rowOff>
                  </from>
                  <to>
                    <xdr:col>79</xdr:col>
                    <xdr:colOff>50800</xdr:colOff>
                    <xdr:row>58</xdr:row>
                    <xdr:rowOff>127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59</xdr:col>
                    <xdr:colOff>146050</xdr:colOff>
                    <xdr:row>62</xdr:row>
                    <xdr:rowOff>76200</xdr:rowOff>
                  </from>
                  <to>
                    <xdr:col>65</xdr:col>
                    <xdr:colOff>0</xdr:colOff>
                    <xdr:row>64</xdr:row>
                    <xdr:rowOff>6350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59</xdr:col>
                    <xdr:colOff>146050</xdr:colOff>
                    <xdr:row>65</xdr:row>
                    <xdr:rowOff>76200</xdr:rowOff>
                  </from>
                  <to>
                    <xdr:col>63</xdr:col>
                    <xdr:colOff>19050</xdr:colOff>
                    <xdr:row>67</xdr:row>
                    <xdr:rowOff>6985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59</xdr:col>
                    <xdr:colOff>146050</xdr:colOff>
                    <xdr:row>68</xdr:row>
                    <xdr:rowOff>57150</xdr:rowOff>
                  </from>
                  <to>
                    <xdr:col>79</xdr:col>
                    <xdr:colOff>31750</xdr:colOff>
                    <xdr:row>70</xdr:row>
                    <xdr:rowOff>6985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37</xdr:col>
                    <xdr:colOff>31750</xdr:colOff>
                    <xdr:row>112</xdr:row>
                    <xdr:rowOff>6350</xdr:rowOff>
                  </from>
                  <to>
                    <xdr:col>58</xdr:col>
                    <xdr:colOff>6350</xdr:colOff>
                    <xdr:row>114</xdr:row>
                    <xdr:rowOff>3810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66</xdr:col>
                    <xdr:colOff>25400</xdr:colOff>
                    <xdr:row>112</xdr:row>
                    <xdr:rowOff>6350</xdr:rowOff>
                  </from>
                  <to>
                    <xdr:col>91</xdr:col>
                    <xdr:colOff>12700</xdr:colOff>
                    <xdr:row>114</xdr:row>
                    <xdr:rowOff>2540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11</xdr:col>
                    <xdr:colOff>44450</xdr:colOff>
                    <xdr:row>116</xdr:row>
                    <xdr:rowOff>44450</xdr:rowOff>
                  </from>
                  <to>
                    <xdr:col>25</xdr:col>
                    <xdr:colOff>57150</xdr:colOff>
                    <xdr:row>119</xdr:row>
                    <xdr:rowOff>5080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27</xdr:col>
                    <xdr:colOff>38100</xdr:colOff>
                    <xdr:row>116</xdr:row>
                    <xdr:rowOff>57150</xdr:rowOff>
                  </from>
                  <to>
                    <xdr:col>37</xdr:col>
                    <xdr:colOff>38100</xdr:colOff>
                    <xdr:row>119</xdr:row>
                    <xdr:rowOff>3810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38</xdr:col>
                    <xdr:colOff>12700</xdr:colOff>
                    <xdr:row>116</xdr:row>
                    <xdr:rowOff>44450</xdr:rowOff>
                  </from>
                  <to>
                    <xdr:col>46</xdr:col>
                    <xdr:colOff>25400</xdr:colOff>
                    <xdr:row>119</xdr:row>
                    <xdr:rowOff>31750</xdr:rowOff>
                  </to>
                </anchor>
              </controlPr>
            </control>
          </mc:Choice>
        </mc:AlternateContent>
        <mc:AlternateContent xmlns:mc="http://schemas.openxmlformats.org/markup-compatibility/2006">
          <mc:Choice Requires="x14">
            <control shapeId="1061" r:id="rId40" name="Check Box 37">
              <controlPr defaultSize="0" autoFill="0" autoLine="0" autoPict="0">
                <anchor moveWithCells="1">
                  <from>
                    <xdr:col>62</xdr:col>
                    <xdr:colOff>6350</xdr:colOff>
                    <xdr:row>116</xdr:row>
                    <xdr:rowOff>44450</xdr:rowOff>
                  </from>
                  <to>
                    <xdr:col>76</xdr:col>
                    <xdr:colOff>6350</xdr:colOff>
                    <xdr:row>119</xdr:row>
                    <xdr:rowOff>31750</xdr:rowOff>
                  </to>
                </anchor>
              </controlPr>
            </control>
          </mc:Choice>
        </mc:AlternateContent>
        <mc:AlternateContent xmlns:mc="http://schemas.openxmlformats.org/markup-compatibility/2006">
          <mc:Choice Requires="x14">
            <control shapeId="1062" r:id="rId41" name="Check Box 38">
              <controlPr defaultSize="0" autoFill="0" autoLine="0" autoPict="0">
                <anchor moveWithCells="1">
                  <from>
                    <xdr:col>77</xdr:col>
                    <xdr:colOff>76200</xdr:colOff>
                    <xdr:row>116</xdr:row>
                    <xdr:rowOff>63500</xdr:rowOff>
                  </from>
                  <to>
                    <xdr:col>86</xdr:col>
                    <xdr:colOff>31750</xdr:colOff>
                    <xdr:row>119</xdr:row>
                    <xdr:rowOff>25400</xdr:rowOff>
                  </to>
                </anchor>
              </controlPr>
            </control>
          </mc:Choice>
        </mc:AlternateContent>
        <mc:AlternateContent xmlns:mc="http://schemas.openxmlformats.org/markup-compatibility/2006">
          <mc:Choice Requires="x14">
            <control shapeId="1063" r:id="rId42" name="Check Box 39">
              <controlPr defaultSize="0" autoFill="0" autoLine="0" autoPict="0">
                <anchor moveWithCells="1">
                  <from>
                    <xdr:col>87</xdr:col>
                    <xdr:colOff>38100</xdr:colOff>
                    <xdr:row>116</xdr:row>
                    <xdr:rowOff>38100</xdr:rowOff>
                  </from>
                  <to>
                    <xdr:col>94</xdr:col>
                    <xdr:colOff>0</xdr:colOff>
                    <xdr:row>119</xdr:row>
                    <xdr:rowOff>38100</xdr:rowOff>
                  </to>
                </anchor>
              </controlPr>
            </control>
          </mc:Choice>
        </mc:AlternateContent>
        <mc:AlternateContent xmlns:mc="http://schemas.openxmlformats.org/markup-compatibility/2006">
          <mc:Choice Requires="x14">
            <control shapeId="1064" r:id="rId43" name="Check Box 40">
              <controlPr defaultSize="0" autoFill="0" autoLine="0" autoPict="0">
                <anchor moveWithCells="1">
                  <from>
                    <xdr:col>13</xdr:col>
                    <xdr:colOff>44450</xdr:colOff>
                    <xdr:row>128</xdr:row>
                    <xdr:rowOff>88900</xdr:rowOff>
                  </from>
                  <to>
                    <xdr:col>61</xdr:col>
                    <xdr:colOff>57150</xdr:colOff>
                    <xdr:row>130</xdr:row>
                    <xdr:rowOff>825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4327FD5-BF23-4637-B2C8-9A65CDD8C056}">
  <sheetPr>
    <tabColor rgb="FFFF0000"/>
    <pageSetUpPr fitToPage="1"/>
  </sheetPr>
  <dimension ref="A1:GS256"/>
  <sheetViews>
    <sheetView showGridLines="0" view="pageBreakPreview" zoomScale="80" zoomScaleNormal="100" zoomScaleSheetLayoutView="80" workbookViewId="0">
      <selection activeCell="F124" sqref="F124:CR127"/>
    </sheetView>
  </sheetViews>
  <sheetFormatPr defaultColWidth="1.25" defaultRowHeight="7.5" customHeight="1" x14ac:dyDescent="0.55000000000000004"/>
  <cols>
    <col min="1" max="96" width="1.5" style="1" customWidth="1"/>
    <col min="97" max="16384" width="1.25" style="1"/>
  </cols>
  <sheetData>
    <row r="1" spans="1:132" s="8" customFormat="1" ht="7.5" customHeight="1" x14ac:dyDescent="0.55000000000000004">
      <c r="A1" s="39"/>
      <c r="B1" s="39"/>
      <c r="C1" s="39"/>
      <c r="D1" s="39"/>
      <c r="E1" s="39"/>
      <c r="F1" s="39"/>
      <c r="G1" s="39"/>
      <c r="H1" s="39"/>
      <c r="I1" s="39"/>
      <c r="J1" s="39"/>
      <c r="K1" s="39"/>
      <c r="L1" s="40"/>
      <c r="M1" s="40"/>
      <c r="N1" s="40"/>
      <c r="O1" s="40"/>
      <c r="P1" s="40"/>
      <c r="Q1" s="40"/>
      <c r="R1" s="40"/>
      <c r="S1" s="40"/>
      <c r="T1" s="40"/>
      <c r="U1" s="40"/>
      <c r="V1" s="40"/>
      <c r="W1" s="40"/>
      <c r="X1" s="40"/>
      <c r="Y1" s="40"/>
      <c r="Z1" s="40"/>
      <c r="AA1" s="40"/>
      <c r="AB1" s="40"/>
      <c r="AC1" s="40"/>
      <c r="AD1" s="40"/>
      <c r="AE1" s="40"/>
      <c r="AF1" s="40"/>
      <c r="AG1" s="40"/>
      <c r="AH1" s="40"/>
      <c r="AI1" s="40"/>
      <c r="AJ1" s="40"/>
      <c r="AK1" s="40"/>
      <c r="AL1" s="40"/>
      <c r="AM1" s="40"/>
      <c r="AN1" s="40"/>
      <c r="AO1" s="40"/>
      <c r="AP1" s="40"/>
      <c r="AQ1" s="40"/>
      <c r="AR1" s="40"/>
      <c r="AS1" s="40"/>
      <c r="AT1" s="40"/>
      <c r="AU1" s="40"/>
      <c r="AV1" s="40"/>
      <c r="AW1" s="40"/>
      <c r="AX1" s="40"/>
      <c r="AY1" s="40"/>
      <c r="AZ1" s="40"/>
      <c r="BA1" s="40"/>
      <c r="BB1" s="40"/>
      <c r="BC1" s="40"/>
      <c r="BD1" s="40"/>
      <c r="BE1" s="40"/>
      <c r="BF1" s="40"/>
      <c r="BG1" s="40"/>
      <c r="BH1" s="40"/>
      <c r="BI1" s="40"/>
      <c r="BJ1" s="40"/>
      <c r="BK1" s="40"/>
      <c r="BL1" s="40"/>
      <c r="BM1" s="40"/>
      <c r="BN1" s="40"/>
      <c r="BO1" s="40"/>
      <c r="BP1" s="40"/>
      <c r="BQ1" s="40"/>
      <c r="BR1" s="40"/>
      <c r="BS1" s="40"/>
      <c r="BT1" s="40"/>
      <c r="BU1" s="40"/>
      <c r="BV1" s="40"/>
      <c r="BW1" s="40"/>
      <c r="BX1" s="40"/>
      <c r="BY1" s="40"/>
      <c r="BZ1" s="40"/>
      <c r="CA1" s="40"/>
      <c r="CB1" s="40"/>
      <c r="CC1" s="40"/>
      <c r="CD1" s="40"/>
      <c r="CE1" s="40"/>
      <c r="CF1" s="40"/>
      <c r="CG1" s="40"/>
      <c r="CH1" s="40"/>
      <c r="CI1" s="40"/>
      <c r="CJ1" s="40"/>
      <c r="CK1" s="40"/>
      <c r="CL1" s="40"/>
      <c r="CM1" s="40"/>
      <c r="CN1" s="40"/>
    </row>
    <row r="2" spans="1:132" s="8" customFormat="1" ht="7.5" customHeight="1" x14ac:dyDescent="0.55000000000000004">
      <c r="A2" s="208" t="s">
        <v>41</v>
      </c>
      <c r="B2" s="208"/>
      <c r="C2" s="208"/>
      <c r="D2" s="208"/>
      <c r="E2" s="208"/>
      <c r="F2" s="208"/>
      <c r="G2" s="208"/>
      <c r="H2" s="208"/>
      <c r="I2" s="208"/>
      <c r="J2" s="208"/>
      <c r="K2" s="208"/>
      <c r="L2" s="208"/>
      <c r="M2" s="208"/>
      <c r="N2" s="208"/>
      <c r="O2" s="208"/>
      <c r="P2" s="208"/>
      <c r="Q2" s="208"/>
      <c r="R2" s="208"/>
      <c r="S2" s="208"/>
      <c r="T2" s="208"/>
      <c r="U2" s="208"/>
      <c r="V2" s="208"/>
      <c r="W2" s="208"/>
      <c r="X2" s="208"/>
      <c r="Y2" s="208"/>
      <c r="Z2" s="208"/>
      <c r="AA2" s="208"/>
      <c r="AB2" s="208"/>
      <c r="AC2" s="208"/>
      <c r="AD2" s="208"/>
      <c r="AE2" s="208"/>
      <c r="AF2" s="208"/>
      <c r="AG2" s="208"/>
      <c r="AH2" s="208"/>
      <c r="AI2" s="208"/>
      <c r="AJ2" s="208"/>
      <c r="AK2" s="208"/>
      <c r="AL2" s="208"/>
      <c r="AM2" s="208"/>
      <c r="AN2" s="208"/>
      <c r="AO2" s="208"/>
      <c r="AP2" s="208"/>
      <c r="AQ2" s="208"/>
      <c r="AR2" s="208"/>
      <c r="AS2" s="208"/>
      <c r="AT2" s="208"/>
      <c r="AU2" s="208"/>
      <c r="AV2" s="208"/>
      <c r="AW2" s="208"/>
      <c r="BA2" s="373" t="s">
        <v>42</v>
      </c>
      <c r="BB2" s="373"/>
      <c r="BC2" s="373"/>
      <c r="BD2" s="373"/>
      <c r="BE2" s="373"/>
      <c r="BF2" s="373"/>
      <c r="BG2" s="373"/>
      <c r="BH2" s="373"/>
      <c r="BI2" s="373"/>
      <c r="BJ2" s="373"/>
      <c r="BK2" s="373"/>
      <c r="BL2" s="373"/>
      <c r="BM2" s="373"/>
      <c r="BN2" s="373"/>
      <c r="BO2" s="373"/>
      <c r="BP2" s="373"/>
      <c r="BQ2" s="373"/>
      <c r="BR2" s="373"/>
      <c r="BS2" s="373"/>
      <c r="BT2" s="373"/>
      <c r="BU2" s="373"/>
      <c r="BV2" s="373"/>
      <c r="BW2" s="373"/>
      <c r="BX2" s="373"/>
      <c r="BY2" s="373"/>
      <c r="BZ2" s="373"/>
      <c r="CA2" s="373"/>
      <c r="CB2" s="373"/>
      <c r="CC2" s="373"/>
      <c r="CD2" s="373"/>
      <c r="CE2" s="373"/>
      <c r="CF2" s="373"/>
      <c r="CG2" s="373"/>
      <c r="CH2" s="373"/>
      <c r="CI2" s="373"/>
      <c r="CJ2" s="373"/>
      <c r="CK2" s="373"/>
      <c r="CL2" s="373"/>
      <c r="CM2" s="373"/>
      <c r="CN2" s="373"/>
      <c r="CO2" s="373"/>
      <c r="CP2" s="373"/>
      <c r="CQ2" s="373"/>
      <c r="CR2" s="373"/>
    </row>
    <row r="3" spans="1:132" s="8" customFormat="1" ht="9.75" customHeight="1" x14ac:dyDescent="0.55000000000000004">
      <c r="A3" s="208"/>
      <c r="B3" s="208"/>
      <c r="C3" s="208"/>
      <c r="D3" s="208"/>
      <c r="E3" s="208"/>
      <c r="F3" s="208"/>
      <c r="G3" s="208"/>
      <c r="H3" s="208"/>
      <c r="I3" s="208"/>
      <c r="J3" s="208"/>
      <c r="K3" s="208"/>
      <c r="L3" s="208"/>
      <c r="M3" s="208"/>
      <c r="N3" s="208"/>
      <c r="O3" s="208"/>
      <c r="P3" s="208"/>
      <c r="Q3" s="208"/>
      <c r="R3" s="208"/>
      <c r="S3" s="208"/>
      <c r="T3" s="208"/>
      <c r="U3" s="208"/>
      <c r="V3" s="208"/>
      <c r="W3" s="208"/>
      <c r="X3" s="208"/>
      <c r="Y3" s="208"/>
      <c r="Z3" s="208"/>
      <c r="AA3" s="208"/>
      <c r="AB3" s="208"/>
      <c r="AC3" s="208"/>
      <c r="AD3" s="208"/>
      <c r="AE3" s="208"/>
      <c r="AF3" s="208"/>
      <c r="AG3" s="208"/>
      <c r="AH3" s="208"/>
      <c r="AI3" s="208"/>
      <c r="AJ3" s="208"/>
      <c r="AK3" s="208"/>
      <c r="AL3" s="208"/>
      <c r="AM3" s="208"/>
      <c r="AN3" s="208"/>
      <c r="AO3" s="208"/>
      <c r="AP3" s="208"/>
      <c r="AQ3" s="208"/>
      <c r="AR3" s="208"/>
      <c r="AS3" s="208"/>
      <c r="AT3" s="208"/>
      <c r="AU3" s="208"/>
      <c r="AV3" s="208"/>
      <c r="AW3" s="208"/>
      <c r="BA3" s="373"/>
      <c r="BB3" s="373"/>
      <c r="BC3" s="373"/>
      <c r="BD3" s="373"/>
      <c r="BE3" s="373"/>
      <c r="BF3" s="373"/>
      <c r="BG3" s="373"/>
      <c r="BH3" s="373"/>
      <c r="BI3" s="373"/>
      <c r="BJ3" s="373"/>
      <c r="BK3" s="373"/>
      <c r="BL3" s="373"/>
      <c r="BM3" s="373"/>
      <c r="BN3" s="373"/>
      <c r="BO3" s="373"/>
      <c r="BP3" s="373"/>
      <c r="BQ3" s="373"/>
      <c r="BR3" s="373"/>
      <c r="BS3" s="373"/>
      <c r="BT3" s="373"/>
      <c r="BU3" s="373"/>
      <c r="BV3" s="373"/>
      <c r="BW3" s="373"/>
      <c r="BX3" s="373"/>
      <c r="BY3" s="373"/>
      <c r="BZ3" s="373"/>
      <c r="CA3" s="373"/>
      <c r="CB3" s="373"/>
      <c r="CC3" s="373"/>
      <c r="CD3" s="373"/>
      <c r="CE3" s="373"/>
      <c r="CF3" s="373"/>
      <c r="CG3" s="373"/>
      <c r="CH3" s="373"/>
      <c r="CI3" s="373"/>
      <c r="CJ3" s="373"/>
      <c r="CK3" s="373"/>
      <c r="CL3" s="373"/>
      <c r="CM3" s="373"/>
      <c r="CN3" s="373"/>
      <c r="CO3" s="373"/>
      <c r="CP3" s="373"/>
      <c r="CQ3" s="373"/>
      <c r="CR3" s="373"/>
    </row>
    <row r="4" spans="1:132" s="8" customFormat="1" ht="9" customHeight="1" x14ac:dyDescent="0.55000000000000004">
      <c r="A4" s="374" t="s">
        <v>43</v>
      </c>
      <c r="B4" s="374"/>
      <c r="C4" s="377" t="s">
        <v>179</v>
      </c>
      <c r="D4" s="378"/>
      <c r="E4" s="378"/>
      <c r="F4" s="378"/>
      <c r="G4" s="378"/>
      <c r="H4" s="378"/>
      <c r="I4" s="378"/>
      <c r="J4" s="378"/>
      <c r="K4" s="378"/>
      <c r="L4" s="378"/>
      <c r="M4" s="378"/>
      <c r="N4" s="378"/>
      <c r="O4" s="378"/>
      <c r="P4" s="378"/>
      <c r="Q4" s="378"/>
      <c r="R4" s="378"/>
      <c r="S4" s="378"/>
      <c r="T4" s="378"/>
      <c r="U4" s="378"/>
      <c r="V4" s="378"/>
      <c r="W4" s="378"/>
      <c r="X4" s="378"/>
      <c r="Y4" s="378"/>
      <c r="Z4" s="378"/>
      <c r="AA4" s="378"/>
      <c r="AB4" s="378"/>
      <c r="AC4" s="378"/>
      <c r="AD4" s="378"/>
      <c r="AE4" s="378"/>
      <c r="AF4" s="378"/>
      <c r="AG4" s="378"/>
      <c r="AH4" s="378"/>
      <c r="AI4" s="378"/>
      <c r="AJ4" s="378"/>
      <c r="AK4" s="378"/>
      <c r="AL4" s="378"/>
      <c r="AM4" s="378"/>
      <c r="AN4" s="378"/>
      <c r="AO4" s="378"/>
      <c r="AP4" s="378"/>
      <c r="AQ4" s="378"/>
      <c r="AR4" s="378"/>
      <c r="AS4" s="378"/>
      <c r="AT4" s="378"/>
      <c r="AU4" s="378"/>
      <c r="AV4" s="378"/>
      <c r="AW4" s="378"/>
      <c r="AX4" s="381" t="s">
        <v>44</v>
      </c>
      <c r="AY4" s="382"/>
      <c r="AZ4" s="383"/>
      <c r="BA4" s="348"/>
      <c r="BB4" s="349"/>
      <c r="BC4" s="349"/>
      <c r="BD4" s="369" t="s">
        <v>115</v>
      </c>
      <c r="BE4" s="369"/>
      <c r="BF4" s="369"/>
      <c r="BG4" s="369"/>
      <c r="BH4" s="369"/>
      <c r="BI4" s="369"/>
      <c r="BJ4" s="369"/>
      <c r="BK4" s="369"/>
      <c r="BL4" s="369"/>
      <c r="BM4" s="369"/>
      <c r="BN4" s="369"/>
      <c r="BO4" s="406" t="s">
        <v>140</v>
      </c>
      <c r="BP4" s="406"/>
      <c r="BQ4" s="406"/>
      <c r="BR4" s="406"/>
      <c r="BS4" s="406"/>
      <c r="BT4" s="406"/>
      <c r="BU4" s="406"/>
      <c r="BV4" s="406"/>
      <c r="BW4" s="406"/>
      <c r="BX4" s="406"/>
      <c r="BY4" s="406"/>
      <c r="BZ4" s="406"/>
      <c r="CA4" s="406"/>
      <c r="CB4" s="406"/>
      <c r="CC4" s="406"/>
      <c r="CD4" s="406"/>
      <c r="CE4" s="406"/>
      <c r="CF4" s="406"/>
      <c r="CG4" s="406"/>
      <c r="CH4" s="406"/>
      <c r="CI4" s="406"/>
      <c r="CJ4" s="406"/>
      <c r="CK4" s="406"/>
      <c r="CL4" s="406"/>
      <c r="CM4" s="406"/>
      <c r="CN4" s="406"/>
      <c r="CO4" s="406"/>
      <c r="CP4" s="406"/>
      <c r="CQ4" s="406"/>
      <c r="CR4" s="407"/>
    </row>
    <row r="5" spans="1:132" s="8" customFormat="1" ht="6.5" customHeight="1" x14ac:dyDescent="0.55000000000000004">
      <c r="A5" s="375"/>
      <c r="B5" s="375"/>
      <c r="C5" s="379"/>
      <c r="D5" s="379"/>
      <c r="E5" s="379"/>
      <c r="F5" s="379"/>
      <c r="G5" s="379"/>
      <c r="H5" s="379"/>
      <c r="I5" s="379"/>
      <c r="J5" s="379"/>
      <c r="K5" s="379"/>
      <c r="L5" s="379"/>
      <c r="M5" s="379"/>
      <c r="N5" s="379"/>
      <c r="O5" s="379"/>
      <c r="P5" s="379"/>
      <c r="Q5" s="379"/>
      <c r="R5" s="379"/>
      <c r="S5" s="379"/>
      <c r="T5" s="379"/>
      <c r="U5" s="379"/>
      <c r="V5" s="379"/>
      <c r="W5" s="379"/>
      <c r="X5" s="379"/>
      <c r="Y5" s="379"/>
      <c r="Z5" s="379"/>
      <c r="AA5" s="379"/>
      <c r="AB5" s="379"/>
      <c r="AC5" s="379"/>
      <c r="AD5" s="379"/>
      <c r="AE5" s="379"/>
      <c r="AF5" s="379"/>
      <c r="AG5" s="379"/>
      <c r="AH5" s="379"/>
      <c r="AI5" s="379"/>
      <c r="AJ5" s="379"/>
      <c r="AK5" s="379"/>
      <c r="AL5" s="379"/>
      <c r="AM5" s="379"/>
      <c r="AN5" s="379"/>
      <c r="AO5" s="379"/>
      <c r="AP5" s="379"/>
      <c r="AQ5" s="379"/>
      <c r="AR5" s="379"/>
      <c r="AS5" s="379"/>
      <c r="AT5" s="379"/>
      <c r="AU5" s="379"/>
      <c r="AV5" s="379"/>
      <c r="AW5" s="379"/>
      <c r="AX5" s="384"/>
      <c r="AY5" s="385"/>
      <c r="AZ5" s="386"/>
      <c r="BA5" s="350"/>
      <c r="BB5" s="351"/>
      <c r="BC5" s="351"/>
      <c r="BD5" s="370"/>
      <c r="BE5" s="370"/>
      <c r="BF5" s="370"/>
      <c r="BG5" s="370"/>
      <c r="BH5" s="370"/>
      <c r="BI5" s="370"/>
      <c r="BJ5" s="370"/>
      <c r="BK5" s="370"/>
      <c r="BL5" s="370"/>
      <c r="BM5" s="370"/>
      <c r="BN5" s="370"/>
      <c r="BO5" s="408"/>
      <c r="BP5" s="408"/>
      <c r="BQ5" s="408"/>
      <c r="BR5" s="408"/>
      <c r="BS5" s="408"/>
      <c r="BT5" s="408"/>
      <c r="BU5" s="408"/>
      <c r="BV5" s="408"/>
      <c r="BW5" s="408"/>
      <c r="BX5" s="408"/>
      <c r="BY5" s="408"/>
      <c r="BZ5" s="408"/>
      <c r="CA5" s="408"/>
      <c r="CB5" s="408"/>
      <c r="CC5" s="408"/>
      <c r="CD5" s="408"/>
      <c r="CE5" s="408"/>
      <c r="CF5" s="408"/>
      <c r="CG5" s="408"/>
      <c r="CH5" s="408"/>
      <c r="CI5" s="408"/>
      <c r="CJ5" s="408"/>
      <c r="CK5" s="408"/>
      <c r="CL5" s="408"/>
      <c r="CM5" s="408"/>
      <c r="CN5" s="408"/>
      <c r="CO5" s="408"/>
      <c r="CP5" s="408"/>
      <c r="CQ5" s="408"/>
      <c r="CR5" s="409"/>
    </row>
    <row r="6" spans="1:132" s="8" customFormat="1" ht="6.5" customHeight="1" x14ac:dyDescent="0.55000000000000004">
      <c r="A6" s="375"/>
      <c r="B6" s="375"/>
      <c r="C6" s="379"/>
      <c r="D6" s="379"/>
      <c r="E6" s="379"/>
      <c r="F6" s="379"/>
      <c r="G6" s="379"/>
      <c r="H6" s="379"/>
      <c r="I6" s="379"/>
      <c r="J6" s="379"/>
      <c r="K6" s="379"/>
      <c r="L6" s="379"/>
      <c r="M6" s="379"/>
      <c r="N6" s="379"/>
      <c r="O6" s="379"/>
      <c r="P6" s="379"/>
      <c r="Q6" s="379"/>
      <c r="R6" s="379"/>
      <c r="S6" s="379"/>
      <c r="T6" s="379"/>
      <c r="U6" s="379"/>
      <c r="V6" s="379"/>
      <c r="W6" s="379"/>
      <c r="X6" s="379"/>
      <c r="Y6" s="379"/>
      <c r="Z6" s="379"/>
      <c r="AA6" s="379"/>
      <c r="AB6" s="379"/>
      <c r="AC6" s="379"/>
      <c r="AD6" s="379"/>
      <c r="AE6" s="379"/>
      <c r="AF6" s="379"/>
      <c r="AG6" s="379"/>
      <c r="AH6" s="379"/>
      <c r="AI6" s="379"/>
      <c r="AJ6" s="379"/>
      <c r="AK6" s="379"/>
      <c r="AL6" s="379"/>
      <c r="AM6" s="379"/>
      <c r="AN6" s="379"/>
      <c r="AO6" s="379"/>
      <c r="AP6" s="379"/>
      <c r="AQ6" s="379"/>
      <c r="AR6" s="379"/>
      <c r="AS6" s="379"/>
      <c r="AT6" s="379"/>
      <c r="AU6" s="379"/>
      <c r="AV6" s="379"/>
      <c r="AW6" s="379"/>
      <c r="AX6" s="384"/>
      <c r="AY6" s="385"/>
      <c r="AZ6" s="386"/>
      <c r="BA6" s="352"/>
      <c r="BB6" s="353"/>
      <c r="BC6" s="353"/>
      <c r="BD6" s="371"/>
      <c r="BE6" s="371"/>
      <c r="BF6" s="371"/>
      <c r="BG6" s="371"/>
      <c r="BH6" s="371"/>
      <c r="BI6" s="371"/>
      <c r="BJ6" s="371"/>
      <c r="BK6" s="371"/>
      <c r="BL6" s="371"/>
      <c r="BM6" s="371"/>
      <c r="BN6" s="371"/>
      <c r="BO6" s="410"/>
      <c r="BP6" s="410"/>
      <c r="BQ6" s="410"/>
      <c r="BR6" s="410"/>
      <c r="BS6" s="410"/>
      <c r="BT6" s="410"/>
      <c r="BU6" s="410"/>
      <c r="BV6" s="410"/>
      <c r="BW6" s="410"/>
      <c r="BX6" s="410"/>
      <c r="BY6" s="410"/>
      <c r="BZ6" s="410"/>
      <c r="CA6" s="410"/>
      <c r="CB6" s="410"/>
      <c r="CC6" s="410"/>
      <c r="CD6" s="410"/>
      <c r="CE6" s="410"/>
      <c r="CF6" s="410"/>
      <c r="CG6" s="410"/>
      <c r="CH6" s="410"/>
      <c r="CI6" s="410"/>
      <c r="CJ6" s="410"/>
      <c r="CK6" s="410"/>
      <c r="CL6" s="410"/>
      <c r="CM6" s="410"/>
      <c r="CN6" s="410"/>
      <c r="CO6" s="410"/>
      <c r="CP6" s="410"/>
      <c r="CQ6" s="410"/>
      <c r="CR6" s="411"/>
    </row>
    <row r="7" spans="1:132" s="8" customFormat="1" ht="6.5" customHeight="1" x14ac:dyDescent="0.55000000000000004">
      <c r="A7" s="375"/>
      <c r="B7" s="375"/>
      <c r="C7" s="379"/>
      <c r="D7" s="379"/>
      <c r="E7" s="379"/>
      <c r="F7" s="379"/>
      <c r="G7" s="379"/>
      <c r="H7" s="379"/>
      <c r="I7" s="379"/>
      <c r="J7" s="379"/>
      <c r="K7" s="379"/>
      <c r="L7" s="379"/>
      <c r="M7" s="379"/>
      <c r="N7" s="379"/>
      <c r="O7" s="379"/>
      <c r="P7" s="379"/>
      <c r="Q7" s="379"/>
      <c r="R7" s="379"/>
      <c r="S7" s="379"/>
      <c r="T7" s="379"/>
      <c r="U7" s="379"/>
      <c r="V7" s="379"/>
      <c r="W7" s="379"/>
      <c r="X7" s="379"/>
      <c r="Y7" s="379"/>
      <c r="Z7" s="379"/>
      <c r="AA7" s="379"/>
      <c r="AB7" s="379"/>
      <c r="AC7" s="379"/>
      <c r="AD7" s="379"/>
      <c r="AE7" s="379"/>
      <c r="AF7" s="379"/>
      <c r="AG7" s="379"/>
      <c r="AH7" s="379"/>
      <c r="AI7" s="379"/>
      <c r="AJ7" s="379"/>
      <c r="AK7" s="379"/>
      <c r="AL7" s="379"/>
      <c r="AM7" s="379"/>
      <c r="AN7" s="379"/>
      <c r="AO7" s="379"/>
      <c r="AP7" s="379"/>
      <c r="AQ7" s="379"/>
      <c r="AR7" s="379"/>
      <c r="AS7" s="379"/>
      <c r="AT7" s="379"/>
      <c r="AU7" s="379"/>
      <c r="AV7" s="379"/>
      <c r="AW7" s="379"/>
      <c r="AX7" s="384"/>
      <c r="AY7" s="385"/>
      <c r="AZ7" s="386"/>
      <c r="BA7" s="144"/>
      <c r="BB7" s="140"/>
      <c r="BC7" s="140"/>
      <c r="BD7" s="372" t="s">
        <v>117</v>
      </c>
      <c r="BE7" s="372"/>
      <c r="BF7" s="372"/>
      <c r="BG7" s="372"/>
      <c r="BH7" s="372"/>
      <c r="BI7" s="372"/>
      <c r="BJ7" s="372"/>
      <c r="BK7" s="372"/>
      <c r="BL7" s="372"/>
      <c r="BM7" s="372"/>
      <c r="BN7" s="372"/>
      <c r="BO7" s="372"/>
      <c r="BP7" s="372"/>
      <c r="BQ7" s="372"/>
      <c r="BR7" s="372"/>
      <c r="BS7" s="138"/>
      <c r="BT7" s="138"/>
      <c r="BU7" s="138"/>
      <c r="BV7" s="138"/>
      <c r="BW7" s="138"/>
      <c r="BX7" s="138"/>
      <c r="BY7" s="138"/>
      <c r="BZ7" s="138"/>
      <c r="CA7" s="138"/>
      <c r="CB7" s="138"/>
      <c r="CC7" s="138"/>
      <c r="CD7" s="138"/>
      <c r="CE7" s="138"/>
      <c r="CF7" s="138"/>
      <c r="CG7" s="138"/>
      <c r="CH7" s="138"/>
      <c r="CI7" s="138"/>
      <c r="CJ7" s="138"/>
      <c r="CK7" s="138"/>
      <c r="CL7" s="138"/>
      <c r="CM7" s="138"/>
      <c r="CN7" s="138"/>
      <c r="CO7" s="138"/>
      <c r="CP7" s="138"/>
      <c r="CQ7" s="138"/>
      <c r="CR7" s="145"/>
    </row>
    <row r="8" spans="1:132" s="8" customFormat="1" ht="6.75" customHeight="1" x14ac:dyDescent="0.55000000000000004">
      <c r="A8" s="375"/>
      <c r="B8" s="375"/>
      <c r="C8" s="379"/>
      <c r="D8" s="379"/>
      <c r="E8" s="379"/>
      <c r="F8" s="379"/>
      <c r="G8" s="379"/>
      <c r="H8" s="379"/>
      <c r="I8" s="379"/>
      <c r="J8" s="379"/>
      <c r="K8" s="379"/>
      <c r="L8" s="379"/>
      <c r="M8" s="379"/>
      <c r="N8" s="379"/>
      <c r="O8" s="379"/>
      <c r="P8" s="379"/>
      <c r="Q8" s="379"/>
      <c r="R8" s="379"/>
      <c r="S8" s="379"/>
      <c r="T8" s="379"/>
      <c r="U8" s="379"/>
      <c r="V8" s="379"/>
      <c r="W8" s="379"/>
      <c r="X8" s="379"/>
      <c r="Y8" s="379"/>
      <c r="Z8" s="379"/>
      <c r="AA8" s="379"/>
      <c r="AB8" s="379"/>
      <c r="AC8" s="379"/>
      <c r="AD8" s="379"/>
      <c r="AE8" s="379"/>
      <c r="AF8" s="379"/>
      <c r="AG8" s="379"/>
      <c r="AH8" s="379"/>
      <c r="AI8" s="379"/>
      <c r="AJ8" s="379"/>
      <c r="AK8" s="379"/>
      <c r="AL8" s="379"/>
      <c r="AM8" s="379"/>
      <c r="AN8" s="379"/>
      <c r="AO8" s="379"/>
      <c r="AP8" s="379"/>
      <c r="AQ8" s="379"/>
      <c r="AR8" s="379"/>
      <c r="AS8" s="379"/>
      <c r="AT8" s="379"/>
      <c r="AU8" s="379"/>
      <c r="AV8" s="379"/>
      <c r="AW8" s="379"/>
      <c r="AX8" s="384"/>
      <c r="AY8" s="385"/>
      <c r="AZ8" s="386"/>
      <c r="BA8" s="144"/>
      <c r="BB8" s="140"/>
      <c r="BC8" s="140"/>
      <c r="BD8" s="372"/>
      <c r="BE8" s="372"/>
      <c r="BF8" s="372"/>
      <c r="BG8" s="372"/>
      <c r="BH8" s="372"/>
      <c r="BI8" s="372"/>
      <c r="BJ8" s="372"/>
      <c r="BK8" s="372"/>
      <c r="BL8" s="372"/>
      <c r="BM8" s="372"/>
      <c r="BN8" s="372"/>
      <c r="BO8" s="372"/>
      <c r="BP8" s="372"/>
      <c r="BQ8" s="372"/>
      <c r="BR8" s="372"/>
      <c r="BS8" s="138"/>
      <c r="BT8" s="138"/>
      <c r="BU8" s="138"/>
      <c r="BV8" s="138"/>
      <c r="BW8" s="138"/>
      <c r="BX8" s="138"/>
      <c r="BY8" s="138"/>
      <c r="BZ8" s="138"/>
      <c r="CA8" s="138"/>
      <c r="CB8" s="138"/>
      <c r="CC8" s="138"/>
      <c r="CD8" s="138"/>
      <c r="CE8" s="138"/>
      <c r="CF8" s="138"/>
      <c r="CG8" s="138"/>
      <c r="CH8" s="138"/>
      <c r="CI8" s="138"/>
      <c r="CJ8" s="138"/>
      <c r="CK8" s="138"/>
      <c r="CL8" s="138"/>
      <c r="CM8" s="138"/>
      <c r="CN8" s="138"/>
      <c r="CO8" s="138"/>
      <c r="CP8" s="138"/>
      <c r="CQ8" s="138"/>
      <c r="CR8" s="145"/>
    </row>
    <row r="9" spans="1:132" s="8" customFormat="1" ht="6.75" customHeight="1" x14ac:dyDescent="0.55000000000000004">
      <c r="A9" s="375"/>
      <c r="B9" s="375"/>
      <c r="C9" s="379"/>
      <c r="D9" s="379"/>
      <c r="E9" s="379"/>
      <c r="F9" s="379"/>
      <c r="G9" s="379"/>
      <c r="H9" s="379"/>
      <c r="I9" s="379"/>
      <c r="J9" s="379"/>
      <c r="K9" s="379"/>
      <c r="L9" s="379"/>
      <c r="M9" s="379"/>
      <c r="N9" s="379"/>
      <c r="O9" s="379"/>
      <c r="P9" s="379"/>
      <c r="Q9" s="379"/>
      <c r="R9" s="379"/>
      <c r="S9" s="379"/>
      <c r="T9" s="379"/>
      <c r="U9" s="379"/>
      <c r="V9" s="379"/>
      <c r="W9" s="379"/>
      <c r="X9" s="379"/>
      <c r="Y9" s="379"/>
      <c r="Z9" s="379"/>
      <c r="AA9" s="379"/>
      <c r="AB9" s="379"/>
      <c r="AC9" s="379"/>
      <c r="AD9" s="379"/>
      <c r="AE9" s="379"/>
      <c r="AF9" s="379"/>
      <c r="AG9" s="379"/>
      <c r="AH9" s="379"/>
      <c r="AI9" s="379"/>
      <c r="AJ9" s="379"/>
      <c r="AK9" s="379"/>
      <c r="AL9" s="379"/>
      <c r="AM9" s="379"/>
      <c r="AN9" s="379"/>
      <c r="AO9" s="379"/>
      <c r="AP9" s="379"/>
      <c r="AQ9" s="379"/>
      <c r="AR9" s="379"/>
      <c r="AS9" s="379"/>
      <c r="AT9" s="379"/>
      <c r="AU9" s="379"/>
      <c r="AV9" s="379"/>
      <c r="AW9" s="379"/>
      <c r="AX9" s="384"/>
      <c r="AY9" s="385"/>
      <c r="AZ9" s="386"/>
      <c r="BA9" s="152"/>
      <c r="BB9" s="153"/>
      <c r="BC9" s="153"/>
      <c r="BD9" s="141"/>
      <c r="BE9" s="141"/>
      <c r="BF9" s="141"/>
      <c r="BG9" s="141"/>
      <c r="BH9" s="141"/>
      <c r="BI9" s="141"/>
      <c r="BJ9" s="141"/>
      <c r="BK9" s="141"/>
      <c r="BL9" s="141"/>
      <c r="BM9" s="141"/>
      <c r="BN9" s="141"/>
      <c r="BO9" s="141"/>
      <c r="BP9" s="141"/>
      <c r="BQ9" s="141"/>
      <c r="BR9" s="141"/>
      <c r="BS9" s="142"/>
      <c r="BT9" s="142"/>
      <c r="BU9" s="142"/>
      <c r="BV9" s="142"/>
      <c r="BW9" s="142"/>
      <c r="BX9" s="142"/>
      <c r="BY9" s="142"/>
      <c r="BZ9" s="142"/>
      <c r="CA9" s="142"/>
      <c r="CB9" s="142"/>
      <c r="CC9" s="142"/>
      <c r="CD9" s="142"/>
      <c r="CE9" s="142"/>
      <c r="CF9" s="142"/>
      <c r="CG9" s="142"/>
      <c r="CH9" s="142"/>
      <c r="CI9" s="142"/>
      <c r="CJ9" s="142"/>
      <c r="CK9" s="142"/>
      <c r="CL9" s="142"/>
      <c r="CM9" s="142"/>
      <c r="CN9" s="142"/>
      <c r="CO9" s="142"/>
      <c r="CP9" s="142"/>
      <c r="CQ9" s="142"/>
      <c r="CR9" s="150"/>
      <c r="CW9" s="41"/>
      <c r="CX9" s="41"/>
      <c r="CY9" s="41"/>
      <c r="CZ9" s="41"/>
      <c r="DA9" s="41"/>
      <c r="DB9" s="41"/>
      <c r="DC9" s="41"/>
      <c r="DD9" s="41"/>
      <c r="DE9" s="41"/>
      <c r="DF9" s="41"/>
      <c r="DG9" s="41"/>
      <c r="DH9" s="41"/>
      <c r="DI9" s="41"/>
      <c r="DJ9" s="41"/>
      <c r="DK9" s="41"/>
      <c r="DL9" s="41"/>
      <c r="DM9" s="41"/>
      <c r="DN9" s="41"/>
      <c r="DO9" s="41"/>
      <c r="DP9" s="41"/>
      <c r="DQ9" s="41"/>
      <c r="DR9" s="41"/>
      <c r="DS9" s="41"/>
      <c r="DT9" s="41"/>
      <c r="DU9" s="41"/>
      <c r="DV9" s="41"/>
      <c r="DW9" s="41"/>
      <c r="DX9" s="41"/>
      <c r="DY9" s="41"/>
      <c r="DZ9" s="41"/>
      <c r="EA9" s="41"/>
      <c r="EB9" s="41"/>
    </row>
    <row r="10" spans="1:132" s="8" customFormat="1" ht="6.75" customHeight="1" x14ac:dyDescent="0.55000000000000004">
      <c r="A10" s="375"/>
      <c r="B10" s="375"/>
      <c r="C10" s="379"/>
      <c r="D10" s="379"/>
      <c r="E10" s="379"/>
      <c r="F10" s="379"/>
      <c r="G10" s="379"/>
      <c r="H10" s="379"/>
      <c r="I10" s="379"/>
      <c r="J10" s="379"/>
      <c r="K10" s="379"/>
      <c r="L10" s="379"/>
      <c r="M10" s="379"/>
      <c r="N10" s="379"/>
      <c r="O10" s="379"/>
      <c r="P10" s="379"/>
      <c r="Q10" s="379"/>
      <c r="R10" s="379"/>
      <c r="S10" s="379"/>
      <c r="T10" s="379"/>
      <c r="U10" s="379"/>
      <c r="V10" s="379"/>
      <c r="W10" s="379"/>
      <c r="X10" s="379"/>
      <c r="Y10" s="379"/>
      <c r="Z10" s="379"/>
      <c r="AA10" s="379"/>
      <c r="AB10" s="379"/>
      <c r="AC10" s="379"/>
      <c r="AD10" s="379"/>
      <c r="AE10" s="379"/>
      <c r="AF10" s="379"/>
      <c r="AG10" s="379"/>
      <c r="AH10" s="379"/>
      <c r="AI10" s="379"/>
      <c r="AJ10" s="379"/>
      <c r="AK10" s="379"/>
      <c r="AL10" s="379"/>
      <c r="AM10" s="379"/>
      <c r="AN10" s="379"/>
      <c r="AO10" s="379"/>
      <c r="AP10" s="379"/>
      <c r="AQ10" s="379"/>
      <c r="AR10" s="379"/>
      <c r="AS10" s="379"/>
      <c r="AT10" s="379"/>
      <c r="AU10" s="379"/>
      <c r="AV10" s="379"/>
      <c r="AW10" s="379"/>
      <c r="AX10" s="384"/>
      <c r="AY10" s="385"/>
      <c r="AZ10" s="386"/>
      <c r="BA10" s="485"/>
      <c r="BB10" s="412"/>
      <c r="BC10" s="412"/>
      <c r="BD10" s="487" t="s">
        <v>116</v>
      </c>
      <c r="BE10" s="487"/>
      <c r="BF10" s="487"/>
      <c r="BG10" s="487"/>
      <c r="BH10" s="487"/>
      <c r="BI10" s="487"/>
      <c r="BJ10" s="487"/>
      <c r="BK10" s="487"/>
      <c r="BL10" s="487"/>
      <c r="BM10" s="487"/>
      <c r="BN10" s="487"/>
      <c r="BO10" s="487"/>
      <c r="BP10" s="487"/>
      <c r="BQ10" s="487"/>
      <c r="BR10" s="412" t="s">
        <v>180</v>
      </c>
      <c r="BS10" s="412"/>
      <c r="BT10" s="412"/>
      <c r="BU10" s="412"/>
      <c r="BV10" s="412"/>
      <c r="BW10" s="412"/>
      <c r="BX10" s="412"/>
      <c r="BY10" s="412"/>
      <c r="BZ10" s="412" t="s">
        <v>181</v>
      </c>
      <c r="CA10" s="412"/>
      <c r="CB10" s="412"/>
      <c r="CC10" s="412"/>
      <c r="CD10" s="412"/>
      <c r="CE10" s="412"/>
      <c r="CF10" s="412"/>
      <c r="CG10" s="412"/>
      <c r="CH10" s="412" t="s">
        <v>182</v>
      </c>
      <c r="CI10" s="412"/>
      <c r="CJ10" s="412"/>
      <c r="CK10" s="412"/>
      <c r="CL10" s="412"/>
      <c r="CM10" s="412"/>
      <c r="CN10" s="412"/>
      <c r="CO10" s="414"/>
      <c r="CP10" s="155"/>
      <c r="CQ10" s="155"/>
      <c r="CR10" s="156"/>
      <c r="DO10" s="41"/>
      <c r="DP10" s="41"/>
      <c r="DQ10" s="41"/>
      <c r="DR10" s="41"/>
      <c r="DS10" s="41"/>
      <c r="DT10" s="41"/>
      <c r="DU10" s="41"/>
      <c r="DV10" s="41"/>
      <c r="DW10" s="41"/>
      <c r="DX10" s="41"/>
      <c r="DY10" s="41"/>
      <c r="DZ10" s="41"/>
      <c r="EA10" s="41"/>
      <c r="EB10" s="41"/>
    </row>
    <row r="11" spans="1:132" s="8" customFormat="1" ht="6.75" customHeight="1" x14ac:dyDescent="0.55000000000000004">
      <c r="A11" s="375"/>
      <c r="B11" s="375"/>
      <c r="C11" s="379"/>
      <c r="D11" s="379"/>
      <c r="E11" s="379"/>
      <c r="F11" s="379"/>
      <c r="G11" s="379"/>
      <c r="H11" s="379"/>
      <c r="I11" s="379"/>
      <c r="J11" s="379"/>
      <c r="K11" s="379"/>
      <c r="L11" s="379"/>
      <c r="M11" s="379"/>
      <c r="N11" s="379"/>
      <c r="O11" s="379"/>
      <c r="P11" s="379"/>
      <c r="Q11" s="379"/>
      <c r="R11" s="379"/>
      <c r="S11" s="379"/>
      <c r="T11" s="379"/>
      <c r="U11" s="379"/>
      <c r="V11" s="379"/>
      <c r="W11" s="379"/>
      <c r="X11" s="379"/>
      <c r="Y11" s="379"/>
      <c r="Z11" s="379"/>
      <c r="AA11" s="379"/>
      <c r="AB11" s="379"/>
      <c r="AC11" s="379"/>
      <c r="AD11" s="379"/>
      <c r="AE11" s="379"/>
      <c r="AF11" s="379"/>
      <c r="AG11" s="379"/>
      <c r="AH11" s="379"/>
      <c r="AI11" s="379"/>
      <c r="AJ11" s="379"/>
      <c r="AK11" s="379"/>
      <c r="AL11" s="379"/>
      <c r="AM11" s="379"/>
      <c r="AN11" s="379"/>
      <c r="AO11" s="379"/>
      <c r="AP11" s="379"/>
      <c r="AQ11" s="379"/>
      <c r="AR11" s="379"/>
      <c r="AS11" s="379"/>
      <c r="AT11" s="379"/>
      <c r="AU11" s="379"/>
      <c r="AV11" s="379"/>
      <c r="AW11" s="379"/>
      <c r="AX11" s="384"/>
      <c r="AY11" s="385"/>
      <c r="AZ11" s="386"/>
      <c r="BA11" s="486"/>
      <c r="BB11" s="413"/>
      <c r="BC11" s="413"/>
      <c r="BD11" s="488"/>
      <c r="BE11" s="488"/>
      <c r="BF11" s="488"/>
      <c r="BG11" s="488"/>
      <c r="BH11" s="488"/>
      <c r="BI11" s="488"/>
      <c r="BJ11" s="488"/>
      <c r="BK11" s="488"/>
      <c r="BL11" s="488"/>
      <c r="BM11" s="488"/>
      <c r="BN11" s="488"/>
      <c r="BO11" s="488"/>
      <c r="BP11" s="488"/>
      <c r="BQ11" s="488"/>
      <c r="BR11" s="413"/>
      <c r="BS11" s="413"/>
      <c r="BT11" s="413"/>
      <c r="BU11" s="413"/>
      <c r="BV11" s="413"/>
      <c r="BW11" s="413"/>
      <c r="BX11" s="413"/>
      <c r="BY11" s="413"/>
      <c r="BZ11" s="413"/>
      <c r="CA11" s="413"/>
      <c r="CB11" s="413"/>
      <c r="CC11" s="413"/>
      <c r="CD11" s="413"/>
      <c r="CE11" s="413"/>
      <c r="CF11" s="413"/>
      <c r="CG11" s="413"/>
      <c r="CH11" s="413"/>
      <c r="CI11" s="413"/>
      <c r="CJ11" s="413"/>
      <c r="CK11" s="413"/>
      <c r="CL11" s="413"/>
      <c r="CM11" s="413"/>
      <c r="CN11" s="413"/>
      <c r="CO11" s="415"/>
      <c r="CP11" s="135"/>
      <c r="CQ11" s="135"/>
      <c r="CR11" s="146"/>
      <c r="DO11" s="41"/>
      <c r="DP11" s="41"/>
      <c r="DQ11" s="41"/>
      <c r="DR11" s="41"/>
      <c r="DS11" s="41"/>
      <c r="DT11" s="41"/>
      <c r="DU11" s="41"/>
      <c r="DV11" s="41"/>
      <c r="DW11" s="41"/>
      <c r="DX11" s="41"/>
      <c r="DY11" s="41"/>
      <c r="DZ11" s="41"/>
      <c r="EA11" s="41"/>
      <c r="EB11" s="41"/>
    </row>
    <row r="12" spans="1:132" s="8" customFormat="1" ht="6.75" customHeight="1" x14ac:dyDescent="0.55000000000000004">
      <c r="A12" s="375"/>
      <c r="B12" s="375"/>
      <c r="C12" s="379"/>
      <c r="D12" s="379"/>
      <c r="E12" s="379"/>
      <c r="F12" s="379"/>
      <c r="G12" s="379"/>
      <c r="H12" s="379"/>
      <c r="I12" s="379"/>
      <c r="J12" s="379"/>
      <c r="K12" s="379"/>
      <c r="L12" s="379"/>
      <c r="M12" s="379"/>
      <c r="N12" s="379"/>
      <c r="O12" s="379"/>
      <c r="P12" s="379"/>
      <c r="Q12" s="379"/>
      <c r="R12" s="379"/>
      <c r="S12" s="379"/>
      <c r="T12" s="379"/>
      <c r="U12" s="379"/>
      <c r="V12" s="379"/>
      <c r="W12" s="379"/>
      <c r="X12" s="379"/>
      <c r="Y12" s="379"/>
      <c r="Z12" s="379"/>
      <c r="AA12" s="379"/>
      <c r="AB12" s="379"/>
      <c r="AC12" s="379"/>
      <c r="AD12" s="379"/>
      <c r="AE12" s="379"/>
      <c r="AF12" s="379"/>
      <c r="AG12" s="379"/>
      <c r="AH12" s="379"/>
      <c r="AI12" s="379"/>
      <c r="AJ12" s="379"/>
      <c r="AK12" s="379"/>
      <c r="AL12" s="379"/>
      <c r="AM12" s="379"/>
      <c r="AN12" s="379"/>
      <c r="AO12" s="379"/>
      <c r="AP12" s="379"/>
      <c r="AQ12" s="379"/>
      <c r="AR12" s="379"/>
      <c r="AS12" s="379"/>
      <c r="AT12" s="379"/>
      <c r="AU12" s="379"/>
      <c r="AV12" s="379"/>
      <c r="AW12" s="379"/>
      <c r="AX12" s="384"/>
      <c r="AY12" s="385"/>
      <c r="AZ12" s="386"/>
      <c r="BA12" s="486"/>
      <c r="BB12" s="413"/>
      <c r="BC12" s="413"/>
      <c r="BD12" s="488"/>
      <c r="BE12" s="488"/>
      <c r="BF12" s="488"/>
      <c r="BG12" s="488"/>
      <c r="BH12" s="488"/>
      <c r="BI12" s="488"/>
      <c r="BJ12" s="488"/>
      <c r="BK12" s="488"/>
      <c r="BL12" s="488"/>
      <c r="BM12" s="488"/>
      <c r="BN12" s="488"/>
      <c r="BO12" s="488"/>
      <c r="BP12" s="488"/>
      <c r="BQ12" s="488"/>
      <c r="BR12" s="413"/>
      <c r="BS12" s="413"/>
      <c r="BT12" s="413"/>
      <c r="BU12" s="413"/>
      <c r="BV12" s="413"/>
      <c r="BW12" s="413"/>
      <c r="BX12" s="413"/>
      <c r="BY12" s="413"/>
      <c r="BZ12" s="413"/>
      <c r="CA12" s="413"/>
      <c r="CB12" s="413"/>
      <c r="CC12" s="413"/>
      <c r="CD12" s="413"/>
      <c r="CE12" s="413"/>
      <c r="CF12" s="413"/>
      <c r="CG12" s="413"/>
      <c r="CH12" s="413"/>
      <c r="CI12" s="413"/>
      <c r="CJ12" s="413"/>
      <c r="CK12" s="413"/>
      <c r="CL12" s="413"/>
      <c r="CM12" s="413"/>
      <c r="CN12" s="413"/>
      <c r="CO12" s="415"/>
      <c r="CP12" s="135"/>
      <c r="CQ12" s="135"/>
      <c r="CR12" s="146"/>
      <c r="DO12" s="41"/>
      <c r="DP12" s="41"/>
      <c r="DQ12" s="41"/>
      <c r="DR12" s="41"/>
      <c r="DS12" s="41"/>
      <c r="DT12" s="41"/>
      <c r="DU12" s="41"/>
      <c r="DV12" s="41"/>
      <c r="DW12" s="41"/>
      <c r="DX12" s="41"/>
      <c r="DY12" s="41"/>
      <c r="DZ12" s="41"/>
      <c r="EA12" s="41"/>
      <c r="EB12" s="41"/>
    </row>
    <row r="13" spans="1:132" s="8" customFormat="1" ht="6.75" customHeight="1" x14ac:dyDescent="0.55000000000000004">
      <c r="A13" s="375"/>
      <c r="B13" s="375"/>
      <c r="C13" s="379"/>
      <c r="D13" s="379"/>
      <c r="E13" s="379"/>
      <c r="F13" s="379"/>
      <c r="G13" s="379"/>
      <c r="H13" s="379"/>
      <c r="I13" s="379"/>
      <c r="J13" s="379"/>
      <c r="K13" s="379"/>
      <c r="L13" s="379"/>
      <c r="M13" s="379"/>
      <c r="N13" s="379"/>
      <c r="O13" s="379"/>
      <c r="P13" s="379"/>
      <c r="Q13" s="379"/>
      <c r="R13" s="379"/>
      <c r="S13" s="379"/>
      <c r="T13" s="379"/>
      <c r="U13" s="379"/>
      <c r="V13" s="379"/>
      <c r="W13" s="379"/>
      <c r="X13" s="379"/>
      <c r="Y13" s="379"/>
      <c r="Z13" s="379"/>
      <c r="AA13" s="379"/>
      <c r="AB13" s="379"/>
      <c r="AC13" s="379"/>
      <c r="AD13" s="379"/>
      <c r="AE13" s="379"/>
      <c r="AF13" s="379"/>
      <c r="AG13" s="379"/>
      <c r="AH13" s="379"/>
      <c r="AI13" s="379"/>
      <c r="AJ13" s="379"/>
      <c r="AK13" s="379"/>
      <c r="AL13" s="379"/>
      <c r="AM13" s="379"/>
      <c r="AN13" s="379"/>
      <c r="AO13" s="379"/>
      <c r="AP13" s="379"/>
      <c r="AQ13" s="379"/>
      <c r="AR13" s="379"/>
      <c r="AS13" s="379"/>
      <c r="AT13" s="379"/>
      <c r="AU13" s="379"/>
      <c r="AV13" s="379"/>
      <c r="AW13" s="379"/>
      <c r="AX13" s="384"/>
      <c r="AY13" s="385"/>
      <c r="AZ13" s="386"/>
      <c r="BA13" s="486"/>
      <c r="BB13" s="413"/>
      <c r="BC13" s="413"/>
      <c r="BD13" s="488"/>
      <c r="BE13" s="488"/>
      <c r="BF13" s="488"/>
      <c r="BG13" s="488"/>
      <c r="BH13" s="488"/>
      <c r="BI13" s="488"/>
      <c r="BJ13" s="488"/>
      <c r="BK13" s="488"/>
      <c r="BL13" s="488"/>
      <c r="BM13" s="488"/>
      <c r="BN13" s="488"/>
      <c r="BO13" s="488"/>
      <c r="BP13" s="488"/>
      <c r="BQ13" s="488"/>
      <c r="BR13" s="413"/>
      <c r="BS13" s="413"/>
      <c r="BT13" s="413"/>
      <c r="BU13" s="413"/>
      <c r="BV13" s="413"/>
      <c r="BW13" s="413"/>
      <c r="BX13" s="413"/>
      <c r="BY13" s="413"/>
      <c r="BZ13" s="413"/>
      <c r="CA13" s="413"/>
      <c r="CB13" s="413"/>
      <c r="CC13" s="413"/>
      <c r="CD13" s="413"/>
      <c r="CE13" s="413"/>
      <c r="CF13" s="413"/>
      <c r="CG13" s="413"/>
      <c r="CH13" s="413"/>
      <c r="CI13" s="413"/>
      <c r="CJ13" s="413"/>
      <c r="CK13" s="413"/>
      <c r="CL13" s="413"/>
      <c r="CM13" s="413"/>
      <c r="CN13" s="413"/>
      <c r="CO13" s="415"/>
      <c r="CP13" s="157"/>
      <c r="CQ13" s="157"/>
      <c r="CR13" s="158"/>
      <c r="CW13" s="41"/>
      <c r="CX13" s="41"/>
      <c r="CY13" s="41"/>
      <c r="CZ13" s="41"/>
      <c r="DA13" s="41"/>
      <c r="DB13" s="41"/>
      <c r="DC13" s="41"/>
      <c r="DD13" s="41"/>
      <c r="DE13" s="41"/>
      <c r="DF13" s="41"/>
      <c r="DG13" s="41"/>
      <c r="DH13" s="41"/>
      <c r="DI13" s="41"/>
      <c r="DJ13" s="41"/>
      <c r="DK13" s="41"/>
      <c r="DL13" s="41"/>
      <c r="DM13" s="41"/>
      <c r="DN13" s="41"/>
      <c r="DO13" s="41"/>
      <c r="DP13" s="41"/>
      <c r="DQ13" s="41"/>
      <c r="DR13" s="41"/>
      <c r="DS13" s="41"/>
      <c r="DT13" s="41"/>
      <c r="DU13" s="41"/>
      <c r="DV13" s="41"/>
      <c r="DW13" s="41"/>
      <c r="DX13" s="41"/>
      <c r="DY13" s="41"/>
      <c r="DZ13" s="41"/>
      <c r="EA13" s="41"/>
      <c r="EB13" s="41"/>
    </row>
    <row r="14" spans="1:132" s="8" customFormat="1" ht="6.75" customHeight="1" x14ac:dyDescent="0.55000000000000004">
      <c r="A14" s="375"/>
      <c r="B14" s="375"/>
      <c r="C14" s="379"/>
      <c r="D14" s="379"/>
      <c r="E14" s="379"/>
      <c r="F14" s="379"/>
      <c r="G14" s="379"/>
      <c r="H14" s="379"/>
      <c r="I14" s="379"/>
      <c r="J14" s="379"/>
      <c r="K14" s="379"/>
      <c r="L14" s="379"/>
      <c r="M14" s="379"/>
      <c r="N14" s="379"/>
      <c r="O14" s="379"/>
      <c r="P14" s="379"/>
      <c r="Q14" s="379"/>
      <c r="R14" s="379"/>
      <c r="S14" s="379"/>
      <c r="T14" s="379"/>
      <c r="U14" s="379"/>
      <c r="V14" s="379"/>
      <c r="W14" s="379"/>
      <c r="X14" s="379"/>
      <c r="Y14" s="379"/>
      <c r="Z14" s="379"/>
      <c r="AA14" s="379"/>
      <c r="AB14" s="379"/>
      <c r="AC14" s="379"/>
      <c r="AD14" s="379"/>
      <c r="AE14" s="379"/>
      <c r="AF14" s="379"/>
      <c r="AG14" s="379"/>
      <c r="AH14" s="379"/>
      <c r="AI14" s="379"/>
      <c r="AJ14" s="379"/>
      <c r="AK14" s="379"/>
      <c r="AL14" s="379"/>
      <c r="AM14" s="379"/>
      <c r="AN14" s="379"/>
      <c r="AO14" s="379"/>
      <c r="AP14" s="379"/>
      <c r="AQ14" s="379"/>
      <c r="AR14" s="379"/>
      <c r="AS14" s="379"/>
      <c r="AT14" s="379"/>
      <c r="AU14" s="379"/>
      <c r="AV14" s="379"/>
      <c r="AW14" s="379"/>
      <c r="AX14" s="384"/>
      <c r="AY14" s="385"/>
      <c r="AZ14" s="386"/>
      <c r="BA14" s="159"/>
      <c r="BB14" s="160"/>
      <c r="BC14" s="160"/>
      <c r="BD14" s="397" t="s">
        <v>143</v>
      </c>
      <c r="BE14" s="488"/>
      <c r="BF14" s="488"/>
      <c r="BG14" s="488"/>
      <c r="BH14" s="488"/>
      <c r="BI14" s="488"/>
      <c r="BJ14" s="488"/>
      <c r="BK14" s="488"/>
      <c r="BL14" s="488"/>
      <c r="BM14" s="488"/>
      <c r="BN14" s="488"/>
      <c r="BO14" s="489"/>
      <c r="BP14" s="161"/>
      <c r="BQ14" s="166"/>
      <c r="BR14" s="392"/>
      <c r="BS14" s="393"/>
      <c r="BT14" s="393"/>
      <c r="BU14" s="396" t="s">
        <v>144</v>
      </c>
      <c r="BV14" s="396"/>
      <c r="BW14" s="396"/>
      <c r="BX14" s="396"/>
      <c r="BY14" s="397"/>
      <c r="BZ14" s="392"/>
      <c r="CA14" s="393"/>
      <c r="CB14" s="393"/>
      <c r="CC14" s="400" t="s">
        <v>123</v>
      </c>
      <c r="CD14" s="400"/>
      <c r="CE14" s="400"/>
      <c r="CF14" s="400"/>
      <c r="CG14" s="401"/>
      <c r="CH14" s="392" t="s">
        <v>183</v>
      </c>
      <c r="CI14" s="393"/>
      <c r="CJ14" s="393"/>
      <c r="CK14" s="404" t="s">
        <v>124</v>
      </c>
      <c r="CL14" s="404"/>
      <c r="CM14" s="404"/>
      <c r="CN14" s="404"/>
      <c r="CO14" s="404"/>
      <c r="CP14" s="161"/>
      <c r="CQ14" s="161"/>
      <c r="CR14" s="163"/>
      <c r="CW14" s="41"/>
      <c r="CX14" s="41"/>
      <c r="CY14" s="41"/>
      <c r="CZ14" s="41"/>
      <c r="DA14" s="41"/>
      <c r="DB14" s="41"/>
      <c r="DC14" s="41"/>
      <c r="DD14" s="41"/>
      <c r="DE14" s="41"/>
      <c r="DF14" s="41"/>
      <c r="DG14" s="41"/>
      <c r="DH14" s="41"/>
      <c r="DI14" s="41"/>
      <c r="DJ14" s="41"/>
      <c r="DK14" s="41"/>
      <c r="DL14" s="41"/>
      <c r="DM14" s="41"/>
      <c r="DN14" s="41"/>
      <c r="DO14" s="41"/>
      <c r="DP14" s="41"/>
      <c r="DQ14" s="41"/>
      <c r="DR14" s="41"/>
      <c r="DS14" s="41"/>
      <c r="DT14" s="41"/>
      <c r="DU14" s="41"/>
      <c r="DV14" s="41"/>
      <c r="DW14" s="41"/>
      <c r="DX14" s="41"/>
      <c r="DY14" s="41"/>
      <c r="DZ14" s="41"/>
      <c r="EA14" s="41"/>
      <c r="EB14" s="41"/>
    </row>
    <row r="15" spans="1:132" s="8" customFormat="1" ht="6.75" customHeight="1" x14ac:dyDescent="0.55000000000000004">
      <c r="A15" s="375"/>
      <c r="B15" s="375"/>
      <c r="C15" s="379"/>
      <c r="D15" s="379"/>
      <c r="E15" s="379"/>
      <c r="F15" s="379"/>
      <c r="G15" s="379"/>
      <c r="H15" s="379"/>
      <c r="I15" s="379"/>
      <c r="J15" s="379"/>
      <c r="K15" s="379"/>
      <c r="L15" s="379"/>
      <c r="M15" s="379"/>
      <c r="N15" s="379"/>
      <c r="O15" s="379"/>
      <c r="P15" s="379"/>
      <c r="Q15" s="379"/>
      <c r="R15" s="379"/>
      <c r="S15" s="379"/>
      <c r="T15" s="379"/>
      <c r="U15" s="379"/>
      <c r="V15" s="379"/>
      <c r="W15" s="379"/>
      <c r="X15" s="379"/>
      <c r="Y15" s="379"/>
      <c r="Z15" s="379"/>
      <c r="AA15" s="379"/>
      <c r="AB15" s="379"/>
      <c r="AC15" s="379"/>
      <c r="AD15" s="379"/>
      <c r="AE15" s="379"/>
      <c r="AF15" s="379"/>
      <c r="AG15" s="379"/>
      <c r="AH15" s="379"/>
      <c r="AI15" s="379"/>
      <c r="AJ15" s="379"/>
      <c r="AK15" s="379"/>
      <c r="AL15" s="379"/>
      <c r="AM15" s="379"/>
      <c r="AN15" s="379"/>
      <c r="AO15" s="379"/>
      <c r="AP15" s="379"/>
      <c r="AQ15" s="379"/>
      <c r="AR15" s="379"/>
      <c r="AS15" s="379"/>
      <c r="AT15" s="379"/>
      <c r="AU15" s="379"/>
      <c r="AV15" s="379"/>
      <c r="AW15" s="379"/>
      <c r="AX15" s="384"/>
      <c r="AY15" s="385"/>
      <c r="AZ15" s="386"/>
      <c r="BA15" s="147"/>
      <c r="BB15" s="135"/>
      <c r="BC15" s="135"/>
      <c r="BD15" s="397"/>
      <c r="BE15" s="488"/>
      <c r="BF15" s="488"/>
      <c r="BG15" s="488"/>
      <c r="BH15" s="488"/>
      <c r="BI15" s="488"/>
      <c r="BJ15" s="488"/>
      <c r="BK15" s="488"/>
      <c r="BL15" s="488"/>
      <c r="BM15" s="488"/>
      <c r="BN15" s="488"/>
      <c r="BO15" s="489"/>
      <c r="BP15" s="138"/>
      <c r="BQ15" s="167"/>
      <c r="BR15" s="392"/>
      <c r="BS15" s="393"/>
      <c r="BT15" s="393"/>
      <c r="BU15" s="396"/>
      <c r="BV15" s="396"/>
      <c r="BW15" s="396"/>
      <c r="BX15" s="396"/>
      <c r="BY15" s="397"/>
      <c r="BZ15" s="392"/>
      <c r="CA15" s="393"/>
      <c r="CB15" s="393"/>
      <c r="CC15" s="400"/>
      <c r="CD15" s="400"/>
      <c r="CE15" s="400"/>
      <c r="CF15" s="400"/>
      <c r="CG15" s="401"/>
      <c r="CH15" s="392"/>
      <c r="CI15" s="393"/>
      <c r="CJ15" s="393"/>
      <c r="CK15" s="404"/>
      <c r="CL15" s="404"/>
      <c r="CM15" s="404"/>
      <c r="CN15" s="404"/>
      <c r="CO15" s="404"/>
      <c r="CP15" s="138"/>
      <c r="CQ15" s="138"/>
      <c r="CR15" s="145"/>
      <c r="CW15" s="41"/>
      <c r="CX15" s="41"/>
      <c r="CY15" s="41"/>
      <c r="CZ15" s="41"/>
      <c r="DA15" s="41"/>
      <c r="DB15" s="41"/>
      <c r="DC15" s="41"/>
      <c r="DD15" s="41"/>
      <c r="DE15" s="41"/>
      <c r="DF15" s="41"/>
      <c r="DG15" s="41"/>
      <c r="DH15" s="41"/>
      <c r="DI15" s="41"/>
      <c r="DJ15" s="41"/>
      <c r="DK15" s="41"/>
      <c r="DL15" s="41"/>
      <c r="DM15" s="41"/>
      <c r="DN15" s="41"/>
      <c r="DO15" s="41"/>
      <c r="DP15" s="41"/>
      <c r="DQ15" s="41"/>
      <c r="DR15" s="41"/>
      <c r="DS15" s="41"/>
      <c r="DT15" s="41"/>
      <c r="DU15" s="41"/>
      <c r="DV15" s="41"/>
      <c r="DW15" s="41"/>
      <c r="DX15" s="41"/>
      <c r="DY15" s="41"/>
      <c r="DZ15" s="41"/>
      <c r="EA15" s="41"/>
      <c r="EB15" s="41"/>
    </row>
    <row r="16" spans="1:132" s="8" customFormat="1" ht="6.75" customHeight="1" x14ac:dyDescent="0.55000000000000004">
      <c r="A16" s="375"/>
      <c r="B16" s="375"/>
      <c r="C16" s="379"/>
      <c r="D16" s="379"/>
      <c r="E16" s="379"/>
      <c r="F16" s="379"/>
      <c r="G16" s="379"/>
      <c r="H16" s="379"/>
      <c r="I16" s="379"/>
      <c r="J16" s="379"/>
      <c r="K16" s="379"/>
      <c r="L16" s="379"/>
      <c r="M16" s="379"/>
      <c r="N16" s="379"/>
      <c r="O16" s="379"/>
      <c r="P16" s="379"/>
      <c r="Q16" s="379"/>
      <c r="R16" s="379"/>
      <c r="S16" s="379"/>
      <c r="T16" s="379"/>
      <c r="U16" s="379"/>
      <c r="V16" s="379"/>
      <c r="W16" s="379"/>
      <c r="X16" s="379"/>
      <c r="Y16" s="379"/>
      <c r="Z16" s="379"/>
      <c r="AA16" s="379"/>
      <c r="AB16" s="379"/>
      <c r="AC16" s="379"/>
      <c r="AD16" s="379"/>
      <c r="AE16" s="379"/>
      <c r="AF16" s="379"/>
      <c r="AG16" s="379"/>
      <c r="AH16" s="379"/>
      <c r="AI16" s="379"/>
      <c r="AJ16" s="379"/>
      <c r="AK16" s="379"/>
      <c r="AL16" s="379"/>
      <c r="AM16" s="379"/>
      <c r="AN16" s="379"/>
      <c r="AO16" s="379"/>
      <c r="AP16" s="379"/>
      <c r="AQ16" s="379"/>
      <c r="AR16" s="379"/>
      <c r="AS16" s="379"/>
      <c r="AT16" s="379"/>
      <c r="AU16" s="379"/>
      <c r="AV16" s="379"/>
      <c r="AW16" s="379"/>
      <c r="AX16" s="384"/>
      <c r="AY16" s="385"/>
      <c r="AZ16" s="386"/>
      <c r="BA16" s="162"/>
      <c r="BB16" s="59"/>
      <c r="BC16" s="59"/>
      <c r="BD16" s="397"/>
      <c r="BE16" s="488"/>
      <c r="BF16" s="488"/>
      <c r="BG16" s="488"/>
      <c r="BH16" s="488"/>
      <c r="BI16" s="488"/>
      <c r="BJ16" s="488"/>
      <c r="BK16" s="488"/>
      <c r="BL16" s="488"/>
      <c r="BM16" s="488"/>
      <c r="BN16" s="488"/>
      <c r="BO16" s="489"/>
      <c r="BP16" s="139"/>
      <c r="BQ16" s="168"/>
      <c r="BR16" s="394"/>
      <c r="BS16" s="395"/>
      <c r="BT16" s="395"/>
      <c r="BU16" s="398"/>
      <c r="BV16" s="398"/>
      <c r="BW16" s="398"/>
      <c r="BX16" s="398"/>
      <c r="BY16" s="399"/>
      <c r="BZ16" s="394"/>
      <c r="CA16" s="395"/>
      <c r="CB16" s="395"/>
      <c r="CC16" s="402"/>
      <c r="CD16" s="402"/>
      <c r="CE16" s="402"/>
      <c r="CF16" s="402"/>
      <c r="CG16" s="403"/>
      <c r="CH16" s="394"/>
      <c r="CI16" s="395"/>
      <c r="CJ16" s="395"/>
      <c r="CK16" s="405"/>
      <c r="CL16" s="405"/>
      <c r="CM16" s="405"/>
      <c r="CN16" s="405"/>
      <c r="CO16" s="405"/>
      <c r="CP16" s="139"/>
      <c r="CQ16" s="139"/>
      <c r="CR16" s="151"/>
      <c r="CW16" s="41"/>
      <c r="CX16" s="41"/>
      <c r="CY16" s="41"/>
      <c r="CZ16" s="41"/>
      <c r="DA16" s="41"/>
      <c r="DB16" s="41"/>
      <c r="DC16" s="41"/>
      <c r="DD16" s="41"/>
      <c r="DE16" s="41"/>
      <c r="DF16" s="41"/>
      <c r="DG16" s="41"/>
      <c r="DH16" s="41"/>
      <c r="DI16" s="41"/>
      <c r="DJ16" s="41"/>
      <c r="DK16" s="41"/>
      <c r="DL16" s="41"/>
      <c r="DM16" s="41"/>
      <c r="DN16" s="41"/>
      <c r="DO16" s="41"/>
      <c r="DP16" s="41"/>
      <c r="DQ16" s="41"/>
      <c r="DR16" s="41"/>
      <c r="DS16" s="41"/>
      <c r="DT16" s="41"/>
      <c r="DU16" s="41"/>
      <c r="DV16" s="41"/>
      <c r="DW16" s="41"/>
      <c r="DX16" s="41"/>
      <c r="DY16" s="41"/>
      <c r="DZ16" s="41"/>
      <c r="EA16" s="41"/>
      <c r="EB16" s="41"/>
    </row>
    <row r="17" spans="1:151" s="8" customFormat="1" ht="6.75" customHeight="1" x14ac:dyDescent="0.55000000000000004">
      <c r="A17" s="375"/>
      <c r="B17" s="375"/>
      <c r="C17" s="379"/>
      <c r="D17" s="379"/>
      <c r="E17" s="379"/>
      <c r="F17" s="379"/>
      <c r="G17" s="379"/>
      <c r="H17" s="379"/>
      <c r="I17" s="379"/>
      <c r="J17" s="379"/>
      <c r="K17" s="379"/>
      <c r="L17" s="379"/>
      <c r="M17" s="379"/>
      <c r="N17" s="379"/>
      <c r="O17" s="379"/>
      <c r="P17" s="379"/>
      <c r="Q17" s="379"/>
      <c r="R17" s="379"/>
      <c r="S17" s="379"/>
      <c r="T17" s="379"/>
      <c r="U17" s="379"/>
      <c r="V17" s="379"/>
      <c r="W17" s="379"/>
      <c r="X17" s="379"/>
      <c r="Y17" s="379"/>
      <c r="Z17" s="379"/>
      <c r="AA17" s="379"/>
      <c r="AB17" s="379"/>
      <c r="AC17" s="379"/>
      <c r="AD17" s="379"/>
      <c r="AE17" s="379"/>
      <c r="AF17" s="379"/>
      <c r="AG17" s="379"/>
      <c r="AH17" s="379"/>
      <c r="AI17" s="379"/>
      <c r="AJ17" s="379"/>
      <c r="AK17" s="379"/>
      <c r="AL17" s="379"/>
      <c r="AM17" s="379"/>
      <c r="AN17" s="379"/>
      <c r="AO17" s="379"/>
      <c r="AP17" s="379"/>
      <c r="AQ17" s="379"/>
      <c r="AR17" s="379"/>
      <c r="AS17" s="379"/>
      <c r="AT17" s="379"/>
      <c r="AU17" s="379"/>
      <c r="AV17" s="379"/>
      <c r="AW17" s="379"/>
      <c r="AX17" s="384"/>
      <c r="AY17" s="385"/>
      <c r="AZ17" s="386"/>
      <c r="BA17" s="147"/>
      <c r="BB17" s="135"/>
      <c r="BC17" s="135"/>
      <c r="BD17" s="372" t="s">
        <v>118</v>
      </c>
      <c r="BE17" s="372"/>
      <c r="BF17" s="372"/>
      <c r="BG17" s="372"/>
      <c r="BH17" s="372"/>
      <c r="BI17" s="372"/>
      <c r="BJ17" s="372"/>
      <c r="BK17" s="372"/>
      <c r="BL17" s="372"/>
      <c r="BM17" s="372"/>
      <c r="BN17" s="372"/>
      <c r="BO17" s="372"/>
      <c r="BP17" s="372"/>
      <c r="BQ17" s="372"/>
      <c r="BR17" s="372"/>
      <c r="BS17" s="372"/>
      <c r="BT17" s="372"/>
      <c r="BU17" s="372"/>
      <c r="BV17" s="372"/>
      <c r="BW17" s="372"/>
      <c r="BX17" s="372"/>
      <c r="BY17" s="372"/>
      <c r="BZ17" s="138"/>
      <c r="CA17" s="138"/>
      <c r="CB17" s="138"/>
      <c r="CC17" s="138"/>
      <c r="CD17" s="138"/>
      <c r="CE17" s="138"/>
      <c r="CF17" s="138"/>
      <c r="CG17" s="138"/>
      <c r="CH17" s="138"/>
      <c r="CI17" s="138"/>
      <c r="CJ17" s="138"/>
      <c r="CK17" s="138"/>
      <c r="CL17" s="138"/>
      <c r="CM17" s="138"/>
      <c r="CN17" s="138"/>
      <c r="CO17" s="138"/>
      <c r="CP17" s="138"/>
      <c r="CQ17" s="138"/>
      <c r="CR17" s="145"/>
      <c r="CW17" s="41"/>
      <c r="CX17" s="41"/>
      <c r="CY17" s="41"/>
      <c r="CZ17" s="41"/>
      <c r="DA17" s="41"/>
      <c r="DB17" s="41"/>
      <c r="DC17" s="41"/>
      <c r="DD17" s="41"/>
      <c r="DE17" s="41"/>
      <c r="DF17" s="41"/>
      <c r="DG17" s="41"/>
      <c r="DH17" s="41"/>
      <c r="DI17" s="41"/>
      <c r="DJ17" s="41"/>
      <c r="DK17" s="41"/>
      <c r="DL17" s="41"/>
      <c r="DM17" s="41"/>
      <c r="DN17" s="41"/>
      <c r="DO17" s="41"/>
      <c r="DP17" s="41"/>
      <c r="DQ17" s="41"/>
      <c r="DR17" s="41"/>
      <c r="DS17" s="41"/>
      <c r="DT17" s="41"/>
      <c r="DU17" s="41"/>
      <c r="DV17" s="41"/>
      <c r="DW17" s="41"/>
      <c r="DX17" s="41"/>
      <c r="DY17" s="41"/>
      <c r="DZ17" s="41"/>
      <c r="EA17" s="41"/>
      <c r="EB17" s="41"/>
    </row>
    <row r="18" spans="1:151" s="8" customFormat="1" ht="6.75" customHeight="1" x14ac:dyDescent="0.55000000000000004">
      <c r="A18" s="375"/>
      <c r="B18" s="375"/>
      <c r="C18" s="379"/>
      <c r="D18" s="379"/>
      <c r="E18" s="379"/>
      <c r="F18" s="379"/>
      <c r="G18" s="379"/>
      <c r="H18" s="379"/>
      <c r="I18" s="379"/>
      <c r="J18" s="379"/>
      <c r="K18" s="379"/>
      <c r="L18" s="379"/>
      <c r="M18" s="379"/>
      <c r="N18" s="379"/>
      <c r="O18" s="379"/>
      <c r="P18" s="379"/>
      <c r="Q18" s="379"/>
      <c r="R18" s="379"/>
      <c r="S18" s="379"/>
      <c r="T18" s="379"/>
      <c r="U18" s="379"/>
      <c r="V18" s="379"/>
      <c r="W18" s="379"/>
      <c r="X18" s="379"/>
      <c r="Y18" s="379"/>
      <c r="Z18" s="379"/>
      <c r="AA18" s="379"/>
      <c r="AB18" s="379"/>
      <c r="AC18" s="379"/>
      <c r="AD18" s="379"/>
      <c r="AE18" s="379"/>
      <c r="AF18" s="379"/>
      <c r="AG18" s="379"/>
      <c r="AH18" s="379"/>
      <c r="AI18" s="379"/>
      <c r="AJ18" s="379"/>
      <c r="AK18" s="379"/>
      <c r="AL18" s="379"/>
      <c r="AM18" s="379"/>
      <c r="AN18" s="379"/>
      <c r="AO18" s="379"/>
      <c r="AP18" s="379"/>
      <c r="AQ18" s="379"/>
      <c r="AR18" s="379"/>
      <c r="AS18" s="379"/>
      <c r="AT18" s="379"/>
      <c r="AU18" s="379"/>
      <c r="AV18" s="379"/>
      <c r="AW18" s="379"/>
      <c r="AX18" s="384"/>
      <c r="AY18" s="385"/>
      <c r="AZ18" s="386"/>
      <c r="BA18" s="147"/>
      <c r="BB18" s="135"/>
      <c r="BC18" s="135"/>
      <c r="BD18" s="372"/>
      <c r="BE18" s="372"/>
      <c r="BF18" s="372"/>
      <c r="BG18" s="372"/>
      <c r="BH18" s="372"/>
      <c r="BI18" s="372"/>
      <c r="BJ18" s="372"/>
      <c r="BK18" s="372"/>
      <c r="BL18" s="372"/>
      <c r="BM18" s="372"/>
      <c r="BN18" s="372"/>
      <c r="BO18" s="372"/>
      <c r="BP18" s="372"/>
      <c r="BQ18" s="372"/>
      <c r="BR18" s="372"/>
      <c r="BS18" s="372"/>
      <c r="BT18" s="372"/>
      <c r="BU18" s="372"/>
      <c r="BV18" s="372"/>
      <c r="BW18" s="372"/>
      <c r="BX18" s="372"/>
      <c r="BY18" s="372"/>
      <c r="BZ18" s="138"/>
      <c r="CA18" s="138"/>
      <c r="CB18" s="138"/>
      <c r="CC18" s="138"/>
      <c r="CD18" s="138"/>
      <c r="CE18" s="138"/>
      <c r="CF18" s="138"/>
      <c r="CG18" s="138"/>
      <c r="CH18" s="138"/>
      <c r="CI18" s="138"/>
      <c r="CJ18" s="138"/>
      <c r="CK18" s="138"/>
      <c r="CL18" s="138"/>
      <c r="CM18" s="138"/>
      <c r="CN18" s="138"/>
      <c r="CO18" s="138"/>
      <c r="CP18" s="138"/>
      <c r="CQ18" s="138"/>
      <c r="CR18" s="145"/>
      <c r="CW18" s="41"/>
      <c r="CX18" s="41"/>
      <c r="CY18" s="41"/>
      <c r="CZ18" s="41"/>
      <c r="DA18" s="41"/>
      <c r="DB18" s="41"/>
      <c r="DC18" s="41"/>
      <c r="DD18" s="41"/>
      <c r="DE18" s="41"/>
      <c r="DF18" s="41"/>
      <c r="DG18" s="41"/>
      <c r="DH18" s="41"/>
      <c r="DI18" s="41"/>
      <c r="DJ18" s="41"/>
      <c r="DK18" s="41"/>
      <c r="DL18" s="41"/>
      <c r="DM18" s="41"/>
      <c r="DN18" s="41"/>
      <c r="DO18" s="41"/>
      <c r="DP18" s="41"/>
      <c r="DQ18" s="41"/>
      <c r="DR18" s="41"/>
      <c r="DS18" s="41"/>
      <c r="DT18" s="41"/>
      <c r="DU18" s="41"/>
      <c r="DV18" s="41"/>
      <c r="DW18" s="41"/>
      <c r="DX18" s="41"/>
      <c r="DY18" s="41"/>
      <c r="DZ18" s="41"/>
      <c r="EA18" s="41"/>
      <c r="EB18" s="41"/>
    </row>
    <row r="19" spans="1:151" s="8" customFormat="1" ht="6.75" customHeight="1" x14ac:dyDescent="0.55000000000000004">
      <c r="A19" s="375"/>
      <c r="B19" s="375"/>
      <c r="C19" s="379"/>
      <c r="D19" s="379"/>
      <c r="E19" s="379"/>
      <c r="F19" s="379"/>
      <c r="G19" s="379"/>
      <c r="H19" s="379"/>
      <c r="I19" s="379"/>
      <c r="J19" s="379"/>
      <c r="K19" s="379"/>
      <c r="L19" s="379"/>
      <c r="M19" s="379"/>
      <c r="N19" s="379"/>
      <c r="O19" s="379"/>
      <c r="P19" s="379"/>
      <c r="Q19" s="379"/>
      <c r="R19" s="379"/>
      <c r="S19" s="379"/>
      <c r="T19" s="379"/>
      <c r="U19" s="379"/>
      <c r="V19" s="379"/>
      <c r="W19" s="379"/>
      <c r="X19" s="379"/>
      <c r="Y19" s="379"/>
      <c r="Z19" s="379"/>
      <c r="AA19" s="379"/>
      <c r="AB19" s="379"/>
      <c r="AC19" s="379"/>
      <c r="AD19" s="379"/>
      <c r="AE19" s="379"/>
      <c r="AF19" s="379"/>
      <c r="AG19" s="379"/>
      <c r="AH19" s="379"/>
      <c r="AI19" s="379"/>
      <c r="AJ19" s="379"/>
      <c r="AK19" s="379"/>
      <c r="AL19" s="379"/>
      <c r="AM19" s="379"/>
      <c r="AN19" s="379"/>
      <c r="AO19" s="379"/>
      <c r="AP19" s="379"/>
      <c r="AQ19" s="379"/>
      <c r="AR19" s="379"/>
      <c r="AS19" s="379"/>
      <c r="AT19" s="379"/>
      <c r="AU19" s="379"/>
      <c r="AV19" s="379"/>
      <c r="AW19" s="379"/>
      <c r="AX19" s="384"/>
      <c r="AY19" s="385"/>
      <c r="AZ19" s="386"/>
      <c r="BA19" s="149"/>
      <c r="BB19" s="141"/>
      <c r="BC19" s="141"/>
      <c r="BD19" s="141"/>
      <c r="BE19" s="141"/>
      <c r="BF19" s="141"/>
      <c r="BG19" s="141"/>
      <c r="BH19" s="141"/>
      <c r="BI19" s="141"/>
      <c r="BJ19" s="141"/>
      <c r="BK19" s="141"/>
      <c r="BL19" s="141"/>
      <c r="BM19" s="141"/>
      <c r="BN19" s="142"/>
      <c r="BO19" s="142"/>
      <c r="BP19" s="142"/>
      <c r="BQ19" s="142"/>
      <c r="BR19" s="142"/>
      <c r="BS19" s="142"/>
      <c r="BT19" s="142"/>
      <c r="BU19" s="142"/>
      <c r="BV19" s="142"/>
      <c r="BW19" s="142"/>
      <c r="BX19" s="142"/>
      <c r="BY19" s="142"/>
      <c r="BZ19" s="142"/>
      <c r="CA19" s="142"/>
      <c r="CB19" s="142"/>
      <c r="CC19" s="142"/>
      <c r="CD19" s="142"/>
      <c r="CE19" s="142"/>
      <c r="CF19" s="142"/>
      <c r="CG19" s="142"/>
      <c r="CH19" s="142"/>
      <c r="CI19" s="142"/>
      <c r="CJ19" s="142"/>
      <c r="CK19" s="142"/>
      <c r="CL19" s="142"/>
      <c r="CM19" s="142"/>
      <c r="CN19" s="142"/>
      <c r="CO19" s="142"/>
      <c r="CP19" s="142"/>
      <c r="CQ19" s="142"/>
      <c r="CR19" s="150"/>
      <c r="CW19" s="41"/>
      <c r="CX19" s="41"/>
      <c r="CY19" s="41"/>
      <c r="CZ19" s="41"/>
      <c r="DA19" s="41"/>
      <c r="DB19" s="426"/>
      <c r="DC19" s="426"/>
      <c r="DD19" s="426"/>
      <c r="DE19" s="426"/>
      <c r="DF19" s="426"/>
      <c r="DG19" s="426"/>
      <c r="DH19" s="426"/>
      <c r="DI19" s="426"/>
      <c r="DJ19" s="426"/>
      <c r="DK19" s="426"/>
      <c r="DL19" s="426"/>
      <c r="DM19" s="426"/>
      <c r="DN19" s="426"/>
      <c r="DO19" s="426"/>
      <c r="DP19" s="426"/>
      <c r="DQ19" s="426"/>
      <c r="DR19" s="426"/>
      <c r="DS19" s="426"/>
      <c r="DT19" s="426"/>
      <c r="DU19" s="426"/>
      <c r="DV19" s="426"/>
      <c r="DW19" s="426"/>
      <c r="DX19" s="426"/>
      <c r="DY19" s="426"/>
      <c r="DZ19" s="426"/>
      <c r="EA19" s="426"/>
      <c r="EB19" s="426"/>
      <c r="EC19" s="426"/>
      <c r="ED19" s="426"/>
      <c r="EE19" s="426"/>
      <c r="EF19" s="426"/>
      <c r="EG19" s="426"/>
      <c r="EH19" s="426"/>
      <c r="EI19" s="426"/>
      <c r="EJ19" s="426"/>
      <c r="EK19" s="426"/>
      <c r="EL19" s="426"/>
      <c r="EM19" s="426"/>
      <c r="EN19" s="426"/>
      <c r="EO19" s="426"/>
      <c r="EP19" s="426"/>
      <c r="EQ19" s="426"/>
      <c r="ER19" s="426"/>
      <c r="ES19" s="426"/>
      <c r="ET19" s="426"/>
      <c r="EU19" s="426"/>
    </row>
    <row r="20" spans="1:151" s="8" customFormat="1" ht="6.75" customHeight="1" x14ac:dyDescent="0.55000000000000004">
      <c r="A20" s="375"/>
      <c r="B20" s="375"/>
      <c r="C20" s="379"/>
      <c r="D20" s="379"/>
      <c r="E20" s="379"/>
      <c r="F20" s="379"/>
      <c r="G20" s="379"/>
      <c r="H20" s="379"/>
      <c r="I20" s="379"/>
      <c r="J20" s="379"/>
      <c r="K20" s="379"/>
      <c r="L20" s="379"/>
      <c r="M20" s="379"/>
      <c r="N20" s="379"/>
      <c r="O20" s="379"/>
      <c r="P20" s="379"/>
      <c r="Q20" s="379"/>
      <c r="R20" s="379"/>
      <c r="S20" s="379"/>
      <c r="T20" s="379"/>
      <c r="U20" s="379"/>
      <c r="V20" s="379"/>
      <c r="W20" s="379"/>
      <c r="X20" s="379"/>
      <c r="Y20" s="379"/>
      <c r="Z20" s="379"/>
      <c r="AA20" s="379"/>
      <c r="AB20" s="379"/>
      <c r="AC20" s="379"/>
      <c r="AD20" s="379"/>
      <c r="AE20" s="379"/>
      <c r="AF20" s="379"/>
      <c r="AG20" s="379"/>
      <c r="AH20" s="379"/>
      <c r="AI20" s="379"/>
      <c r="AJ20" s="379"/>
      <c r="AK20" s="379"/>
      <c r="AL20" s="379"/>
      <c r="AM20" s="379"/>
      <c r="AN20" s="379"/>
      <c r="AO20" s="379"/>
      <c r="AP20" s="379"/>
      <c r="AQ20" s="379"/>
      <c r="AR20" s="379"/>
      <c r="AS20" s="379"/>
      <c r="AT20" s="379"/>
      <c r="AU20" s="379"/>
      <c r="AV20" s="379"/>
      <c r="AW20" s="379"/>
      <c r="AX20" s="384"/>
      <c r="AY20" s="385"/>
      <c r="AZ20" s="386"/>
      <c r="BA20" s="348"/>
      <c r="BB20" s="349"/>
      <c r="BC20" s="349"/>
      <c r="BD20" s="490" t="s">
        <v>119</v>
      </c>
      <c r="BE20" s="490"/>
      <c r="BF20" s="490"/>
      <c r="BG20" s="490"/>
      <c r="BH20" s="490"/>
      <c r="BI20" s="490"/>
      <c r="BJ20" s="490"/>
      <c r="BK20" s="490"/>
      <c r="BL20" s="490"/>
      <c r="BM20" s="490"/>
      <c r="BN20" s="490"/>
      <c r="BO20" s="490"/>
      <c r="BP20" s="490"/>
      <c r="BQ20" s="490"/>
      <c r="BR20" s="490"/>
      <c r="BS20" s="490"/>
      <c r="BT20" s="490"/>
      <c r="BU20" s="490"/>
      <c r="BV20" s="490"/>
      <c r="BW20" s="416"/>
      <c r="BX20" s="417"/>
      <c r="BY20" s="417"/>
      <c r="BZ20" s="429" t="s">
        <v>125</v>
      </c>
      <c r="CA20" s="429"/>
      <c r="CB20" s="429"/>
      <c r="CC20" s="429"/>
      <c r="CD20" s="429"/>
      <c r="CE20" s="429"/>
      <c r="CF20" s="429"/>
      <c r="CG20" s="429"/>
      <c r="CH20" s="429"/>
      <c r="CI20" s="430"/>
      <c r="CJ20" s="416"/>
      <c r="CK20" s="417"/>
      <c r="CL20" s="417"/>
      <c r="CM20" s="435" t="s">
        <v>126</v>
      </c>
      <c r="CN20" s="435"/>
      <c r="CO20" s="435"/>
      <c r="CP20" s="435"/>
      <c r="CQ20" s="435"/>
      <c r="CR20" s="436"/>
      <c r="CW20" s="41"/>
      <c r="CX20" s="41"/>
      <c r="CY20" s="41"/>
      <c r="CZ20" s="41"/>
      <c r="DA20" s="41"/>
      <c r="DB20" s="426"/>
      <c r="DC20" s="426"/>
      <c r="DD20" s="426"/>
      <c r="DE20" s="426"/>
      <c r="DF20" s="426"/>
      <c r="DG20" s="426"/>
      <c r="DH20" s="426"/>
      <c r="DI20" s="426"/>
      <c r="DJ20" s="426"/>
      <c r="DK20" s="426"/>
      <c r="DL20" s="426"/>
      <c r="DM20" s="426"/>
      <c r="DN20" s="426"/>
      <c r="DO20" s="426"/>
      <c r="DP20" s="426"/>
      <c r="DQ20" s="426"/>
      <c r="DR20" s="426"/>
      <c r="DS20" s="426"/>
      <c r="DT20" s="426"/>
      <c r="DU20" s="426"/>
      <c r="DV20" s="426"/>
      <c r="DW20" s="426"/>
      <c r="DX20" s="426"/>
      <c r="DY20" s="426"/>
      <c r="DZ20" s="426"/>
      <c r="EA20" s="426"/>
      <c r="EB20" s="426"/>
      <c r="EC20" s="426"/>
      <c r="ED20" s="426"/>
      <c r="EE20" s="426"/>
      <c r="EF20" s="426"/>
      <c r="EG20" s="426"/>
      <c r="EH20" s="426"/>
      <c r="EI20" s="426"/>
      <c r="EJ20" s="426"/>
      <c r="EK20" s="426"/>
      <c r="EL20" s="426"/>
      <c r="EM20" s="426"/>
      <c r="EN20" s="426"/>
      <c r="EO20" s="426"/>
      <c r="EP20" s="426"/>
      <c r="EQ20" s="426"/>
      <c r="ER20" s="426"/>
      <c r="ES20" s="426"/>
      <c r="ET20" s="426"/>
      <c r="EU20" s="426"/>
    </row>
    <row r="21" spans="1:151" s="8" customFormat="1" ht="6.75" customHeight="1" x14ac:dyDescent="0.55000000000000004">
      <c r="A21" s="375"/>
      <c r="B21" s="375"/>
      <c r="C21" s="379"/>
      <c r="D21" s="379"/>
      <c r="E21" s="379"/>
      <c r="F21" s="379"/>
      <c r="G21" s="379"/>
      <c r="H21" s="379"/>
      <c r="I21" s="379"/>
      <c r="J21" s="379"/>
      <c r="K21" s="379"/>
      <c r="L21" s="379"/>
      <c r="M21" s="379"/>
      <c r="N21" s="379"/>
      <c r="O21" s="379"/>
      <c r="P21" s="379"/>
      <c r="Q21" s="379"/>
      <c r="R21" s="379"/>
      <c r="S21" s="379"/>
      <c r="T21" s="379"/>
      <c r="U21" s="379"/>
      <c r="V21" s="379"/>
      <c r="W21" s="379"/>
      <c r="X21" s="379"/>
      <c r="Y21" s="379"/>
      <c r="Z21" s="379"/>
      <c r="AA21" s="379"/>
      <c r="AB21" s="379"/>
      <c r="AC21" s="379"/>
      <c r="AD21" s="379"/>
      <c r="AE21" s="379"/>
      <c r="AF21" s="379"/>
      <c r="AG21" s="379"/>
      <c r="AH21" s="379"/>
      <c r="AI21" s="379"/>
      <c r="AJ21" s="379"/>
      <c r="AK21" s="379"/>
      <c r="AL21" s="379"/>
      <c r="AM21" s="379"/>
      <c r="AN21" s="379"/>
      <c r="AO21" s="379"/>
      <c r="AP21" s="379"/>
      <c r="AQ21" s="379"/>
      <c r="AR21" s="379"/>
      <c r="AS21" s="379"/>
      <c r="AT21" s="379"/>
      <c r="AU21" s="379"/>
      <c r="AV21" s="379"/>
      <c r="AW21" s="379"/>
      <c r="AX21" s="384"/>
      <c r="AY21" s="385"/>
      <c r="AZ21" s="386"/>
      <c r="BA21" s="350"/>
      <c r="BB21" s="351"/>
      <c r="BC21" s="351"/>
      <c r="BD21" s="491"/>
      <c r="BE21" s="491"/>
      <c r="BF21" s="491"/>
      <c r="BG21" s="491"/>
      <c r="BH21" s="491"/>
      <c r="BI21" s="491"/>
      <c r="BJ21" s="491"/>
      <c r="BK21" s="491"/>
      <c r="BL21" s="491"/>
      <c r="BM21" s="491"/>
      <c r="BN21" s="491"/>
      <c r="BO21" s="491"/>
      <c r="BP21" s="491"/>
      <c r="BQ21" s="491"/>
      <c r="BR21" s="491"/>
      <c r="BS21" s="491"/>
      <c r="BT21" s="491"/>
      <c r="BU21" s="491"/>
      <c r="BV21" s="491"/>
      <c r="BW21" s="418"/>
      <c r="BX21" s="419"/>
      <c r="BY21" s="419"/>
      <c r="BZ21" s="431"/>
      <c r="CA21" s="431"/>
      <c r="CB21" s="431"/>
      <c r="CC21" s="431"/>
      <c r="CD21" s="431"/>
      <c r="CE21" s="431"/>
      <c r="CF21" s="431"/>
      <c r="CG21" s="431"/>
      <c r="CH21" s="431"/>
      <c r="CI21" s="432"/>
      <c r="CJ21" s="418"/>
      <c r="CK21" s="419"/>
      <c r="CL21" s="419"/>
      <c r="CM21" s="437"/>
      <c r="CN21" s="437"/>
      <c r="CO21" s="437"/>
      <c r="CP21" s="437"/>
      <c r="CQ21" s="437"/>
      <c r="CR21" s="438"/>
      <c r="CW21" s="41"/>
      <c r="CX21" s="41"/>
      <c r="CY21" s="41"/>
      <c r="CZ21" s="41"/>
      <c r="DA21" s="41"/>
      <c r="DB21" s="426"/>
      <c r="DC21" s="426"/>
      <c r="DD21" s="426"/>
      <c r="DE21" s="426"/>
      <c r="DF21" s="426"/>
      <c r="DG21" s="426"/>
      <c r="DH21" s="426"/>
      <c r="DI21" s="426"/>
      <c r="DJ21" s="426"/>
      <c r="DK21" s="426"/>
      <c r="DL21" s="426"/>
      <c r="DM21" s="426"/>
      <c r="DN21" s="426"/>
      <c r="DO21" s="426"/>
      <c r="DP21" s="426"/>
      <c r="DQ21" s="426"/>
      <c r="DR21" s="426"/>
      <c r="DS21" s="426"/>
      <c r="DT21" s="426"/>
      <c r="DU21" s="426"/>
      <c r="DV21" s="426"/>
      <c r="DW21" s="426"/>
      <c r="DX21" s="426"/>
      <c r="DY21" s="426"/>
      <c r="DZ21" s="426"/>
      <c r="EA21" s="426"/>
      <c r="EB21" s="426"/>
      <c r="EC21" s="426"/>
      <c r="ED21" s="426"/>
      <c r="EE21" s="426"/>
      <c r="EF21" s="426"/>
      <c r="EG21" s="426"/>
      <c r="EH21" s="426"/>
      <c r="EI21" s="426"/>
      <c r="EJ21" s="426"/>
      <c r="EK21" s="426"/>
      <c r="EL21" s="426"/>
      <c r="EM21" s="426"/>
      <c r="EN21" s="426"/>
      <c r="EO21" s="426"/>
      <c r="EP21" s="426"/>
      <c r="EQ21" s="426"/>
      <c r="ER21" s="426"/>
      <c r="ES21" s="426"/>
      <c r="ET21" s="426"/>
      <c r="EU21" s="426"/>
    </row>
    <row r="22" spans="1:151" s="8" customFormat="1" ht="6.75" customHeight="1" x14ac:dyDescent="0.55000000000000004">
      <c r="A22" s="375"/>
      <c r="B22" s="375"/>
      <c r="C22" s="379"/>
      <c r="D22" s="379"/>
      <c r="E22" s="379"/>
      <c r="F22" s="379"/>
      <c r="G22" s="379"/>
      <c r="H22" s="379"/>
      <c r="I22" s="379"/>
      <c r="J22" s="379"/>
      <c r="K22" s="379"/>
      <c r="L22" s="379"/>
      <c r="M22" s="379"/>
      <c r="N22" s="379"/>
      <c r="O22" s="379"/>
      <c r="P22" s="379"/>
      <c r="Q22" s="379"/>
      <c r="R22" s="379"/>
      <c r="S22" s="379"/>
      <c r="T22" s="379"/>
      <c r="U22" s="379"/>
      <c r="V22" s="379"/>
      <c r="W22" s="379"/>
      <c r="X22" s="379"/>
      <c r="Y22" s="379"/>
      <c r="Z22" s="379"/>
      <c r="AA22" s="379"/>
      <c r="AB22" s="379"/>
      <c r="AC22" s="379"/>
      <c r="AD22" s="379"/>
      <c r="AE22" s="379"/>
      <c r="AF22" s="379"/>
      <c r="AG22" s="379"/>
      <c r="AH22" s="379"/>
      <c r="AI22" s="379"/>
      <c r="AJ22" s="379"/>
      <c r="AK22" s="379"/>
      <c r="AL22" s="379"/>
      <c r="AM22" s="379"/>
      <c r="AN22" s="379"/>
      <c r="AO22" s="379"/>
      <c r="AP22" s="379"/>
      <c r="AQ22" s="379"/>
      <c r="AR22" s="379"/>
      <c r="AS22" s="379"/>
      <c r="AT22" s="379"/>
      <c r="AU22" s="379"/>
      <c r="AV22" s="379"/>
      <c r="AW22" s="379"/>
      <c r="AX22" s="384"/>
      <c r="AY22" s="385"/>
      <c r="AZ22" s="386"/>
      <c r="BA22" s="352"/>
      <c r="BB22" s="353"/>
      <c r="BC22" s="353"/>
      <c r="BD22" s="492"/>
      <c r="BE22" s="492"/>
      <c r="BF22" s="492"/>
      <c r="BG22" s="492"/>
      <c r="BH22" s="492"/>
      <c r="BI22" s="492"/>
      <c r="BJ22" s="492"/>
      <c r="BK22" s="492"/>
      <c r="BL22" s="492"/>
      <c r="BM22" s="492"/>
      <c r="BN22" s="492"/>
      <c r="BO22" s="492"/>
      <c r="BP22" s="492"/>
      <c r="BQ22" s="492"/>
      <c r="BR22" s="492"/>
      <c r="BS22" s="492"/>
      <c r="BT22" s="492"/>
      <c r="BU22" s="492"/>
      <c r="BV22" s="492"/>
      <c r="BW22" s="420"/>
      <c r="BX22" s="421"/>
      <c r="BY22" s="421"/>
      <c r="BZ22" s="433"/>
      <c r="CA22" s="433"/>
      <c r="CB22" s="433"/>
      <c r="CC22" s="433"/>
      <c r="CD22" s="433"/>
      <c r="CE22" s="433"/>
      <c r="CF22" s="433"/>
      <c r="CG22" s="433"/>
      <c r="CH22" s="433"/>
      <c r="CI22" s="434"/>
      <c r="CJ22" s="420"/>
      <c r="CK22" s="421"/>
      <c r="CL22" s="421"/>
      <c r="CM22" s="439"/>
      <c r="CN22" s="439"/>
      <c r="CO22" s="439"/>
      <c r="CP22" s="439"/>
      <c r="CQ22" s="439"/>
      <c r="CR22" s="440"/>
      <c r="CW22" s="41"/>
      <c r="CX22" s="41"/>
      <c r="CY22" s="41"/>
      <c r="CZ22" s="41"/>
      <c r="DA22" s="41"/>
      <c r="DB22" s="426"/>
      <c r="DC22" s="426"/>
      <c r="DD22" s="426"/>
      <c r="DE22" s="426"/>
      <c r="DF22" s="426"/>
      <c r="DG22" s="426"/>
      <c r="DH22" s="426"/>
      <c r="DI22" s="426"/>
      <c r="DJ22" s="426"/>
      <c r="DK22" s="426"/>
      <c r="DL22" s="426"/>
      <c r="DM22" s="426"/>
      <c r="DN22" s="426"/>
      <c r="DO22" s="426"/>
      <c r="DP22" s="426"/>
      <c r="DQ22" s="426"/>
      <c r="DR22" s="426"/>
      <c r="DS22" s="426"/>
      <c r="DT22" s="426"/>
      <c r="DU22" s="426"/>
      <c r="DV22" s="426"/>
      <c r="DW22" s="426"/>
      <c r="DX22" s="426"/>
      <c r="DY22" s="426"/>
      <c r="DZ22" s="426"/>
      <c r="EA22" s="426"/>
      <c r="EB22" s="426"/>
      <c r="EC22" s="426"/>
      <c r="ED22" s="426"/>
      <c r="EE22" s="426"/>
      <c r="EF22" s="426"/>
      <c r="EG22" s="426"/>
      <c r="EH22" s="426"/>
      <c r="EI22" s="426"/>
      <c r="EJ22" s="426"/>
      <c r="EK22" s="426"/>
      <c r="EL22" s="426"/>
      <c r="EM22" s="426"/>
      <c r="EN22" s="426"/>
      <c r="EO22" s="426"/>
      <c r="EP22" s="426"/>
      <c r="EQ22" s="426"/>
      <c r="ER22" s="426"/>
      <c r="ES22" s="426"/>
      <c r="ET22" s="426"/>
      <c r="EU22" s="426"/>
    </row>
    <row r="23" spans="1:151" s="8" customFormat="1" ht="6.75" customHeight="1" x14ac:dyDescent="0.55000000000000004">
      <c r="A23" s="375"/>
      <c r="B23" s="375"/>
      <c r="C23" s="379"/>
      <c r="D23" s="379"/>
      <c r="E23" s="379"/>
      <c r="F23" s="379"/>
      <c r="G23" s="379"/>
      <c r="H23" s="379"/>
      <c r="I23" s="379"/>
      <c r="J23" s="379"/>
      <c r="K23" s="379"/>
      <c r="L23" s="379"/>
      <c r="M23" s="379"/>
      <c r="N23" s="379"/>
      <c r="O23" s="379"/>
      <c r="P23" s="379"/>
      <c r="Q23" s="379"/>
      <c r="R23" s="379"/>
      <c r="S23" s="379"/>
      <c r="T23" s="379"/>
      <c r="U23" s="379"/>
      <c r="V23" s="379"/>
      <c r="W23" s="379"/>
      <c r="X23" s="379"/>
      <c r="Y23" s="379"/>
      <c r="Z23" s="379"/>
      <c r="AA23" s="379"/>
      <c r="AB23" s="379"/>
      <c r="AC23" s="379"/>
      <c r="AD23" s="379"/>
      <c r="AE23" s="379"/>
      <c r="AF23" s="379"/>
      <c r="AG23" s="379"/>
      <c r="AH23" s="379"/>
      <c r="AI23" s="379"/>
      <c r="AJ23" s="379"/>
      <c r="AK23" s="379"/>
      <c r="AL23" s="379"/>
      <c r="AM23" s="379"/>
      <c r="AN23" s="379"/>
      <c r="AO23" s="379"/>
      <c r="AP23" s="379"/>
      <c r="AQ23" s="379"/>
      <c r="AR23" s="379"/>
      <c r="AS23" s="379"/>
      <c r="AT23" s="379"/>
      <c r="AU23" s="379"/>
      <c r="AV23" s="379"/>
      <c r="AW23" s="379"/>
      <c r="AX23" s="384"/>
      <c r="AY23" s="385"/>
      <c r="AZ23" s="386"/>
      <c r="BA23" s="144"/>
      <c r="BB23" s="140"/>
      <c r="BC23" s="140"/>
      <c r="BD23" s="135"/>
      <c r="BE23" s="135"/>
      <c r="BF23" s="135"/>
      <c r="BG23" s="135"/>
      <c r="BH23" s="135"/>
      <c r="BI23" s="135"/>
      <c r="BJ23" s="135"/>
      <c r="BK23" s="135"/>
      <c r="BL23" s="135"/>
      <c r="BM23" s="135"/>
      <c r="BN23" s="135"/>
      <c r="BO23" s="135"/>
      <c r="BP23" s="135"/>
      <c r="BQ23" s="135"/>
      <c r="BR23" s="135"/>
      <c r="BS23" s="135"/>
      <c r="BT23" s="135"/>
      <c r="BU23" s="135"/>
      <c r="BV23" s="135"/>
      <c r="BW23" s="135"/>
      <c r="BX23" s="135"/>
      <c r="BY23" s="135"/>
      <c r="BZ23" s="135"/>
      <c r="CA23" s="135"/>
      <c r="CB23" s="135"/>
      <c r="CC23" s="135"/>
      <c r="CD23" s="135"/>
      <c r="CE23" s="135"/>
      <c r="CF23" s="135"/>
      <c r="CG23" s="138"/>
      <c r="CH23" s="138"/>
      <c r="CI23" s="138"/>
      <c r="CJ23" s="138"/>
      <c r="CK23" s="138"/>
      <c r="CL23" s="138"/>
      <c r="CM23" s="138"/>
      <c r="CN23" s="138"/>
      <c r="CO23" s="138"/>
      <c r="CP23" s="138"/>
      <c r="CQ23" s="138"/>
      <c r="CR23" s="145"/>
      <c r="CW23" s="41"/>
      <c r="CX23" s="41"/>
      <c r="CY23" s="41"/>
      <c r="CZ23" s="41"/>
      <c r="DA23" s="41"/>
      <c r="DB23" s="426"/>
      <c r="DC23" s="426"/>
      <c r="DD23" s="426"/>
      <c r="DE23" s="426"/>
      <c r="DF23" s="426"/>
      <c r="DG23" s="426"/>
      <c r="DH23" s="426"/>
      <c r="DI23" s="426"/>
      <c r="DJ23" s="426"/>
      <c r="DK23" s="426"/>
      <c r="DL23" s="426"/>
      <c r="DM23" s="426"/>
      <c r="DN23" s="426"/>
      <c r="DO23" s="426"/>
      <c r="DP23" s="426"/>
      <c r="DQ23" s="426"/>
      <c r="DR23" s="426"/>
      <c r="DS23" s="426"/>
      <c r="DT23" s="426"/>
      <c r="DU23" s="426"/>
      <c r="DV23" s="426"/>
      <c r="DW23" s="426"/>
      <c r="DX23" s="426"/>
      <c r="DY23" s="426"/>
      <c r="DZ23" s="426"/>
      <c r="EA23" s="426"/>
      <c r="EB23" s="426"/>
      <c r="EC23" s="426"/>
      <c r="ED23" s="426"/>
      <c r="EE23" s="426"/>
      <c r="EF23" s="426"/>
      <c r="EG23" s="426"/>
      <c r="EH23" s="426"/>
      <c r="EI23" s="426"/>
      <c r="EJ23" s="426"/>
      <c r="EK23" s="426"/>
      <c r="EL23" s="426"/>
      <c r="EM23" s="426"/>
      <c r="EN23" s="426"/>
      <c r="EO23" s="426"/>
      <c r="EP23" s="426"/>
      <c r="EQ23" s="426"/>
      <c r="ER23" s="426"/>
      <c r="ES23" s="426"/>
      <c r="ET23" s="426"/>
      <c r="EU23" s="426"/>
    </row>
    <row r="24" spans="1:151" s="8" customFormat="1" ht="6.75" customHeight="1" x14ac:dyDescent="0.55000000000000004">
      <c r="A24" s="375"/>
      <c r="B24" s="375"/>
      <c r="C24" s="379"/>
      <c r="D24" s="379"/>
      <c r="E24" s="379"/>
      <c r="F24" s="379"/>
      <c r="G24" s="379"/>
      <c r="H24" s="379"/>
      <c r="I24" s="379"/>
      <c r="J24" s="379"/>
      <c r="K24" s="379"/>
      <c r="L24" s="379"/>
      <c r="M24" s="379"/>
      <c r="N24" s="379"/>
      <c r="O24" s="379"/>
      <c r="P24" s="379"/>
      <c r="Q24" s="379"/>
      <c r="R24" s="379"/>
      <c r="S24" s="379"/>
      <c r="T24" s="379"/>
      <c r="U24" s="379"/>
      <c r="V24" s="379"/>
      <c r="W24" s="379"/>
      <c r="X24" s="379"/>
      <c r="Y24" s="379"/>
      <c r="Z24" s="379"/>
      <c r="AA24" s="379"/>
      <c r="AB24" s="379"/>
      <c r="AC24" s="379"/>
      <c r="AD24" s="379"/>
      <c r="AE24" s="379"/>
      <c r="AF24" s="379"/>
      <c r="AG24" s="379"/>
      <c r="AH24" s="379"/>
      <c r="AI24" s="379"/>
      <c r="AJ24" s="379"/>
      <c r="AK24" s="379"/>
      <c r="AL24" s="379"/>
      <c r="AM24" s="379"/>
      <c r="AN24" s="379"/>
      <c r="AO24" s="379"/>
      <c r="AP24" s="379"/>
      <c r="AQ24" s="379"/>
      <c r="AR24" s="379"/>
      <c r="AS24" s="379"/>
      <c r="AT24" s="379"/>
      <c r="AU24" s="379"/>
      <c r="AV24" s="379"/>
      <c r="AW24" s="379"/>
      <c r="AX24" s="384"/>
      <c r="AY24" s="385"/>
      <c r="AZ24" s="386"/>
      <c r="BA24" s="148"/>
      <c r="BB24" s="138"/>
      <c r="BC24" s="135"/>
      <c r="BD24" s="354" t="s">
        <v>129</v>
      </c>
      <c r="BE24" s="354"/>
      <c r="BF24" s="354"/>
      <c r="BG24" s="354"/>
      <c r="BH24" s="354"/>
      <c r="BI24" s="354"/>
      <c r="BJ24" s="354"/>
      <c r="BK24" s="354"/>
      <c r="BL24" s="354"/>
      <c r="BM24" s="354"/>
      <c r="BN24" s="354"/>
      <c r="BO24" s="354"/>
      <c r="BP24" s="354"/>
      <c r="BQ24" s="354"/>
      <c r="BR24" s="354"/>
      <c r="BS24" s="354"/>
      <c r="BT24" s="354"/>
      <c r="BU24" s="354"/>
      <c r="BV24" s="354"/>
      <c r="BW24" s="354"/>
      <c r="BX24" s="354"/>
      <c r="BY24" s="354"/>
      <c r="BZ24" s="354"/>
      <c r="CA24" s="354"/>
      <c r="CB24" s="354"/>
      <c r="CC24" s="354"/>
      <c r="CD24" s="354"/>
      <c r="CE24" s="354"/>
      <c r="CF24" s="354"/>
      <c r="CG24" s="138"/>
      <c r="CH24" s="447" t="s">
        <v>130</v>
      </c>
      <c r="CI24" s="447"/>
      <c r="CJ24" s="447"/>
      <c r="CK24" s="447"/>
      <c r="CL24" s="447"/>
      <c r="CM24" s="447"/>
      <c r="CN24" s="447"/>
      <c r="CO24" s="447"/>
      <c r="CP24" s="447"/>
      <c r="CQ24" s="447"/>
      <c r="CR24" s="145"/>
      <c r="CW24" s="41"/>
      <c r="CX24" s="41"/>
      <c r="CY24" s="41"/>
      <c r="CZ24" s="41"/>
      <c r="DA24" s="41"/>
      <c r="DB24" s="426"/>
      <c r="DC24" s="426"/>
      <c r="DD24" s="426"/>
      <c r="DE24" s="426"/>
      <c r="DF24" s="426"/>
      <c r="DG24" s="426"/>
      <c r="DH24" s="426"/>
      <c r="DI24" s="426"/>
      <c r="DJ24" s="426"/>
      <c r="DK24" s="426"/>
      <c r="DL24" s="426"/>
      <c r="DM24" s="426"/>
      <c r="DN24" s="426"/>
      <c r="DO24" s="426"/>
      <c r="DP24" s="426"/>
      <c r="DQ24" s="426"/>
      <c r="DR24" s="426"/>
      <c r="DS24" s="426"/>
      <c r="DT24" s="426"/>
      <c r="DU24" s="426"/>
      <c r="DV24" s="426"/>
      <c r="DW24" s="426"/>
      <c r="DX24" s="426"/>
      <c r="DY24" s="426"/>
      <c r="DZ24" s="426"/>
      <c r="EA24" s="426"/>
      <c r="EB24" s="426"/>
      <c r="EC24" s="426"/>
      <c r="ED24" s="426"/>
      <c r="EE24" s="426"/>
      <c r="EF24" s="426"/>
      <c r="EG24" s="426"/>
      <c r="EH24" s="426"/>
      <c r="EI24" s="426"/>
      <c r="EJ24" s="426"/>
      <c r="EK24" s="426"/>
      <c r="EL24" s="426"/>
      <c r="EM24" s="426"/>
      <c r="EN24" s="426"/>
      <c r="EO24" s="426"/>
      <c r="EP24" s="426"/>
      <c r="EQ24" s="426"/>
      <c r="ER24" s="426"/>
      <c r="ES24" s="426"/>
      <c r="ET24" s="426"/>
      <c r="EU24" s="426"/>
    </row>
    <row r="25" spans="1:151" s="8" customFormat="1" ht="6.75" customHeight="1" x14ac:dyDescent="0.55000000000000004">
      <c r="A25" s="375"/>
      <c r="B25" s="375"/>
      <c r="C25" s="379"/>
      <c r="D25" s="379"/>
      <c r="E25" s="379"/>
      <c r="F25" s="379"/>
      <c r="G25" s="379"/>
      <c r="H25" s="379"/>
      <c r="I25" s="379"/>
      <c r="J25" s="379"/>
      <c r="K25" s="379"/>
      <c r="L25" s="379"/>
      <c r="M25" s="379"/>
      <c r="N25" s="379"/>
      <c r="O25" s="379"/>
      <c r="P25" s="379"/>
      <c r="Q25" s="379"/>
      <c r="R25" s="379"/>
      <c r="S25" s="379"/>
      <c r="T25" s="379"/>
      <c r="U25" s="379"/>
      <c r="V25" s="379"/>
      <c r="W25" s="379"/>
      <c r="X25" s="379"/>
      <c r="Y25" s="379"/>
      <c r="Z25" s="379"/>
      <c r="AA25" s="379"/>
      <c r="AB25" s="379"/>
      <c r="AC25" s="379"/>
      <c r="AD25" s="379"/>
      <c r="AE25" s="379"/>
      <c r="AF25" s="379"/>
      <c r="AG25" s="379"/>
      <c r="AH25" s="379"/>
      <c r="AI25" s="379"/>
      <c r="AJ25" s="379"/>
      <c r="AK25" s="379"/>
      <c r="AL25" s="379"/>
      <c r="AM25" s="379"/>
      <c r="AN25" s="379"/>
      <c r="AO25" s="379"/>
      <c r="AP25" s="379"/>
      <c r="AQ25" s="379"/>
      <c r="AR25" s="379"/>
      <c r="AS25" s="379"/>
      <c r="AT25" s="379"/>
      <c r="AU25" s="379"/>
      <c r="AV25" s="379"/>
      <c r="AW25" s="379"/>
      <c r="AX25" s="384"/>
      <c r="AY25" s="385"/>
      <c r="AZ25" s="386"/>
      <c r="BA25" s="148"/>
      <c r="BB25" s="138"/>
      <c r="BC25" s="135"/>
      <c r="BD25" s="354"/>
      <c r="BE25" s="354"/>
      <c r="BF25" s="354"/>
      <c r="BG25" s="354"/>
      <c r="BH25" s="354"/>
      <c r="BI25" s="354"/>
      <c r="BJ25" s="354"/>
      <c r="BK25" s="354"/>
      <c r="BL25" s="354"/>
      <c r="BM25" s="354"/>
      <c r="BN25" s="354"/>
      <c r="BO25" s="354"/>
      <c r="BP25" s="354"/>
      <c r="BQ25" s="354"/>
      <c r="BR25" s="354"/>
      <c r="BS25" s="354"/>
      <c r="BT25" s="354"/>
      <c r="BU25" s="354"/>
      <c r="BV25" s="354"/>
      <c r="BW25" s="354"/>
      <c r="BX25" s="354"/>
      <c r="BY25" s="354"/>
      <c r="BZ25" s="354"/>
      <c r="CA25" s="354"/>
      <c r="CB25" s="354"/>
      <c r="CC25" s="354"/>
      <c r="CD25" s="354"/>
      <c r="CE25" s="354"/>
      <c r="CF25" s="354"/>
      <c r="CG25" s="138"/>
      <c r="CH25" s="447"/>
      <c r="CI25" s="447"/>
      <c r="CJ25" s="447"/>
      <c r="CK25" s="447"/>
      <c r="CL25" s="447"/>
      <c r="CM25" s="447"/>
      <c r="CN25" s="447"/>
      <c r="CO25" s="447"/>
      <c r="CP25" s="447"/>
      <c r="CQ25" s="447"/>
      <c r="CR25" s="145"/>
      <c r="CW25" s="41"/>
      <c r="CX25" s="41"/>
      <c r="CY25" s="41"/>
      <c r="CZ25" s="41"/>
      <c r="DA25" s="41"/>
      <c r="DB25" s="426"/>
      <c r="DC25" s="426"/>
      <c r="DD25" s="426"/>
      <c r="DE25" s="426"/>
      <c r="DF25" s="426"/>
      <c r="DG25" s="426"/>
      <c r="DH25" s="426"/>
      <c r="DI25" s="426"/>
      <c r="DJ25" s="426"/>
      <c r="DK25" s="426"/>
      <c r="DL25" s="426"/>
      <c r="DM25" s="426"/>
      <c r="DN25" s="426"/>
      <c r="DO25" s="426"/>
      <c r="DP25" s="426"/>
      <c r="DQ25" s="426"/>
      <c r="DR25" s="426"/>
      <c r="DS25" s="426"/>
      <c r="DT25" s="426"/>
      <c r="DU25" s="426"/>
      <c r="DV25" s="426"/>
      <c r="DW25" s="426"/>
      <c r="DX25" s="426"/>
      <c r="DY25" s="426"/>
      <c r="DZ25" s="426"/>
      <c r="EA25" s="426"/>
      <c r="EB25" s="426"/>
      <c r="EC25" s="426"/>
      <c r="ED25" s="426"/>
      <c r="EE25" s="426"/>
      <c r="EF25" s="426"/>
      <c r="EG25" s="426"/>
      <c r="EH25" s="426"/>
      <c r="EI25" s="426"/>
      <c r="EJ25" s="426"/>
      <c r="EK25" s="426"/>
      <c r="EL25" s="426"/>
      <c r="EM25" s="426"/>
      <c r="EN25" s="426"/>
      <c r="EO25" s="426"/>
      <c r="EP25" s="426"/>
      <c r="EQ25" s="426"/>
      <c r="ER25" s="426"/>
      <c r="ES25" s="426"/>
      <c r="ET25" s="426"/>
      <c r="EU25" s="426"/>
    </row>
    <row r="26" spans="1:151" s="8" customFormat="1" ht="6.75" customHeight="1" x14ac:dyDescent="0.55000000000000004">
      <c r="A26" s="375"/>
      <c r="B26" s="375"/>
      <c r="C26" s="379"/>
      <c r="D26" s="379"/>
      <c r="E26" s="379"/>
      <c r="F26" s="379"/>
      <c r="G26" s="379"/>
      <c r="H26" s="379"/>
      <c r="I26" s="379"/>
      <c r="J26" s="379"/>
      <c r="K26" s="379"/>
      <c r="L26" s="379"/>
      <c r="M26" s="379"/>
      <c r="N26" s="379"/>
      <c r="O26" s="379"/>
      <c r="P26" s="379"/>
      <c r="Q26" s="379"/>
      <c r="R26" s="379"/>
      <c r="S26" s="379"/>
      <c r="T26" s="379"/>
      <c r="U26" s="379"/>
      <c r="V26" s="379"/>
      <c r="W26" s="379"/>
      <c r="X26" s="379"/>
      <c r="Y26" s="379"/>
      <c r="Z26" s="379"/>
      <c r="AA26" s="379"/>
      <c r="AB26" s="379"/>
      <c r="AC26" s="379"/>
      <c r="AD26" s="379"/>
      <c r="AE26" s="379"/>
      <c r="AF26" s="379"/>
      <c r="AG26" s="379"/>
      <c r="AH26" s="379"/>
      <c r="AI26" s="379"/>
      <c r="AJ26" s="379"/>
      <c r="AK26" s="379"/>
      <c r="AL26" s="379"/>
      <c r="AM26" s="379"/>
      <c r="AN26" s="379"/>
      <c r="AO26" s="379"/>
      <c r="AP26" s="379"/>
      <c r="AQ26" s="379"/>
      <c r="AR26" s="379"/>
      <c r="AS26" s="379"/>
      <c r="AT26" s="379"/>
      <c r="AU26" s="379"/>
      <c r="AV26" s="379"/>
      <c r="AW26" s="379"/>
      <c r="AX26" s="384"/>
      <c r="AY26" s="385"/>
      <c r="AZ26" s="386"/>
      <c r="BA26" s="148"/>
      <c r="BB26" s="138"/>
      <c r="BC26" s="135"/>
      <c r="BD26" s="354"/>
      <c r="BE26" s="354"/>
      <c r="BF26" s="354"/>
      <c r="BG26" s="354"/>
      <c r="BH26" s="354"/>
      <c r="BI26" s="354"/>
      <c r="BJ26" s="354"/>
      <c r="BK26" s="354"/>
      <c r="BL26" s="354"/>
      <c r="BM26" s="354"/>
      <c r="BN26" s="354"/>
      <c r="BO26" s="354"/>
      <c r="BP26" s="354"/>
      <c r="BQ26" s="354"/>
      <c r="BR26" s="354"/>
      <c r="BS26" s="354"/>
      <c r="BT26" s="354"/>
      <c r="BU26" s="354"/>
      <c r="BV26" s="354"/>
      <c r="BW26" s="354"/>
      <c r="BX26" s="354"/>
      <c r="BY26" s="354"/>
      <c r="BZ26" s="354"/>
      <c r="CA26" s="354"/>
      <c r="CB26" s="354"/>
      <c r="CC26" s="354"/>
      <c r="CD26" s="354"/>
      <c r="CE26" s="354"/>
      <c r="CF26" s="354"/>
      <c r="CG26" s="138"/>
      <c r="CH26" s="447"/>
      <c r="CI26" s="447"/>
      <c r="CJ26" s="447"/>
      <c r="CK26" s="447"/>
      <c r="CL26" s="447"/>
      <c r="CM26" s="447"/>
      <c r="CN26" s="447"/>
      <c r="CO26" s="447"/>
      <c r="CP26" s="447"/>
      <c r="CQ26" s="447"/>
      <c r="CR26" s="145"/>
      <c r="CW26" s="41"/>
      <c r="CX26" s="41"/>
      <c r="CY26" s="41"/>
      <c r="CZ26" s="41"/>
      <c r="DA26" s="41"/>
      <c r="DB26" s="426"/>
      <c r="DC26" s="426"/>
      <c r="DD26" s="426"/>
      <c r="DE26" s="426"/>
      <c r="DF26" s="426"/>
      <c r="DG26" s="426"/>
      <c r="DH26" s="426"/>
      <c r="DI26" s="426"/>
      <c r="DJ26" s="426"/>
      <c r="DK26" s="426"/>
      <c r="DL26" s="426"/>
      <c r="DM26" s="426"/>
      <c r="DN26" s="426"/>
      <c r="DO26" s="426"/>
      <c r="DP26" s="426"/>
      <c r="DQ26" s="426"/>
      <c r="DR26" s="426"/>
      <c r="DS26" s="426"/>
      <c r="DT26" s="426"/>
      <c r="DU26" s="426"/>
      <c r="DV26" s="426"/>
      <c r="DW26" s="426"/>
      <c r="DX26" s="426"/>
      <c r="DY26" s="426"/>
      <c r="DZ26" s="426"/>
      <c r="EA26" s="426"/>
      <c r="EB26" s="426"/>
      <c r="EC26" s="426"/>
      <c r="ED26" s="426"/>
      <c r="EE26" s="426"/>
      <c r="EF26" s="426"/>
      <c r="EG26" s="426"/>
      <c r="EH26" s="426"/>
      <c r="EI26" s="426"/>
      <c r="EJ26" s="426"/>
      <c r="EK26" s="426"/>
      <c r="EL26" s="426"/>
      <c r="EM26" s="426"/>
      <c r="EN26" s="426"/>
      <c r="EO26" s="426"/>
      <c r="EP26" s="426"/>
      <c r="EQ26" s="426"/>
      <c r="ER26" s="426"/>
      <c r="ES26" s="426"/>
      <c r="ET26" s="426"/>
      <c r="EU26" s="426"/>
    </row>
    <row r="27" spans="1:151" s="8" customFormat="1" ht="6.75" customHeight="1" x14ac:dyDescent="0.55000000000000004">
      <c r="A27" s="375"/>
      <c r="B27" s="375"/>
      <c r="C27" s="379"/>
      <c r="D27" s="379"/>
      <c r="E27" s="379"/>
      <c r="F27" s="379"/>
      <c r="G27" s="379"/>
      <c r="H27" s="379"/>
      <c r="I27" s="379"/>
      <c r="J27" s="379"/>
      <c r="K27" s="379"/>
      <c r="L27" s="379"/>
      <c r="M27" s="379"/>
      <c r="N27" s="379"/>
      <c r="O27" s="379"/>
      <c r="P27" s="379"/>
      <c r="Q27" s="379"/>
      <c r="R27" s="379"/>
      <c r="S27" s="379"/>
      <c r="T27" s="379"/>
      <c r="U27" s="379"/>
      <c r="V27" s="379"/>
      <c r="W27" s="379"/>
      <c r="X27" s="379"/>
      <c r="Y27" s="379"/>
      <c r="Z27" s="379"/>
      <c r="AA27" s="379"/>
      <c r="AB27" s="379"/>
      <c r="AC27" s="379"/>
      <c r="AD27" s="379"/>
      <c r="AE27" s="379"/>
      <c r="AF27" s="379"/>
      <c r="AG27" s="379"/>
      <c r="AH27" s="379"/>
      <c r="AI27" s="379"/>
      <c r="AJ27" s="379"/>
      <c r="AK27" s="379"/>
      <c r="AL27" s="379"/>
      <c r="AM27" s="379"/>
      <c r="AN27" s="379"/>
      <c r="AO27" s="379"/>
      <c r="AP27" s="379"/>
      <c r="AQ27" s="379"/>
      <c r="AR27" s="379"/>
      <c r="AS27" s="379"/>
      <c r="AT27" s="379"/>
      <c r="AU27" s="379"/>
      <c r="AV27" s="379"/>
      <c r="AW27" s="379"/>
      <c r="AX27" s="384"/>
      <c r="AY27" s="385"/>
      <c r="AZ27" s="386"/>
      <c r="BA27" s="169"/>
      <c r="BB27" s="161"/>
      <c r="BC27" s="161"/>
      <c r="BD27" s="355" t="s">
        <v>121</v>
      </c>
      <c r="BE27" s="355"/>
      <c r="BF27" s="355"/>
      <c r="BG27" s="355"/>
      <c r="BH27" s="355"/>
      <c r="BI27" s="355"/>
      <c r="BJ27" s="355"/>
      <c r="BK27" s="355"/>
      <c r="BL27" s="355"/>
      <c r="BM27" s="355"/>
      <c r="BN27" s="355"/>
      <c r="BO27" s="355"/>
      <c r="BP27" s="355"/>
      <c r="BQ27" s="355"/>
      <c r="BR27" s="355"/>
      <c r="BS27" s="355"/>
      <c r="BT27" s="355"/>
      <c r="BU27" s="355"/>
      <c r="BV27" s="355"/>
      <c r="BW27" s="355"/>
      <c r="BX27" s="355"/>
      <c r="BY27" s="355"/>
      <c r="BZ27" s="355"/>
      <c r="CA27" s="355"/>
      <c r="CB27" s="355"/>
      <c r="CC27" s="355"/>
      <c r="CD27" s="355"/>
      <c r="CE27" s="355"/>
      <c r="CF27" s="355"/>
      <c r="CG27" s="355"/>
      <c r="CH27" s="355"/>
      <c r="CI27" s="355"/>
      <c r="CJ27" s="161"/>
      <c r="CK27" s="161"/>
      <c r="CL27" s="161"/>
      <c r="CM27" s="161"/>
      <c r="CN27" s="161"/>
      <c r="CO27" s="161"/>
      <c r="CP27" s="161"/>
      <c r="CQ27" s="161"/>
      <c r="CR27" s="163"/>
      <c r="CW27" s="41"/>
      <c r="CX27" s="41"/>
      <c r="CY27" s="41"/>
      <c r="CZ27" s="41"/>
      <c r="DA27" s="41"/>
      <c r="DB27" s="426"/>
      <c r="DC27" s="426"/>
      <c r="DD27" s="426"/>
      <c r="DE27" s="426"/>
      <c r="DF27" s="426"/>
      <c r="DG27" s="426"/>
      <c r="DH27" s="426"/>
      <c r="DI27" s="426"/>
      <c r="DJ27" s="426"/>
      <c r="DK27" s="426"/>
      <c r="DL27" s="426"/>
      <c r="DM27" s="426"/>
      <c r="DN27" s="426"/>
      <c r="DO27" s="426"/>
      <c r="DP27" s="426"/>
      <c r="DQ27" s="426"/>
      <c r="DR27" s="426"/>
      <c r="DS27" s="426"/>
      <c r="DT27" s="426"/>
      <c r="DU27" s="426"/>
      <c r="DV27" s="426"/>
      <c r="DW27" s="426"/>
      <c r="DX27" s="426"/>
      <c r="DY27" s="426"/>
      <c r="DZ27" s="426"/>
      <c r="EA27" s="426"/>
      <c r="EB27" s="426"/>
      <c r="EC27" s="426"/>
      <c r="ED27" s="426"/>
      <c r="EE27" s="426"/>
      <c r="EF27" s="426"/>
      <c r="EG27" s="426"/>
      <c r="EH27" s="426"/>
      <c r="EI27" s="426"/>
      <c r="EJ27" s="426"/>
      <c r="EK27" s="426"/>
      <c r="EL27" s="426"/>
      <c r="EM27" s="426"/>
      <c r="EN27" s="426"/>
      <c r="EO27" s="426"/>
      <c r="EP27" s="426"/>
      <c r="EQ27" s="426"/>
      <c r="ER27" s="426"/>
      <c r="ES27" s="426"/>
      <c r="ET27" s="426"/>
      <c r="EU27" s="426"/>
    </row>
    <row r="28" spans="1:151" s="8" customFormat="1" ht="6.75" customHeight="1" x14ac:dyDescent="0.55000000000000004">
      <c r="A28" s="375"/>
      <c r="B28" s="375"/>
      <c r="C28" s="379"/>
      <c r="D28" s="379"/>
      <c r="E28" s="379"/>
      <c r="F28" s="379"/>
      <c r="G28" s="379"/>
      <c r="H28" s="379"/>
      <c r="I28" s="379"/>
      <c r="J28" s="379"/>
      <c r="K28" s="379"/>
      <c r="L28" s="379"/>
      <c r="M28" s="379"/>
      <c r="N28" s="379"/>
      <c r="O28" s="379"/>
      <c r="P28" s="379"/>
      <c r="Q28" s="379"/>
      <c r="R28" s="379"/>
      <c r="S28" s="379"/>
      <c r="T28" s="379"/>
      <c r="U28" s="379"/>
      <c r="V28" s="379"/>
      <c r="W28" s="379"/>
      <c r="X28" s="379"/>
      <c r="Y28" s="379"/>
      <c r="Z28" s="379"/>
      <c r="AA28" s="379"/>
      <c r="AB28" s="379"/>
      <c r="AC28" s="379"/>
      <c r="AD28" s="379"/>
      <c r="AE28" s="379"/>
      <c r="AF28" s="379"/>
      <c r="AG28" s="379"/>
      <c r="AH28" s="379"/>
      <c r="AI28" s="379"/>
      <c r="AJ28" s="379"/>
      <c r="AK28" s="379"/>
      <c r="AL28" s="379"/>
      <c r="AM28" s="379"/>
      <c r="AN28" s="379"/>
      <c r="AO28" s="379"/>
      <c r="AP28" s="379"/>
      <c r="AQ28" s="379"/>
      <c r="AR28" s="379"/>
      <c r="AS28" s="379"/>
      <c r="AT28" s="379"/>
      <c r="AU28" s="379"/>
      <c r="AV28" s="379"/>
      <c r="AW28" s="379"/>
      <c r="AX28" s="384"/>
      <c r="AY28" s="385"/>
      <c r="AZ28" s="386"/>
      <c r="BA28" s="148"/>
      <c r="BB28" s="138"/>
      <c r="BC28" s="138"/>
      <c r="BD28" s="356"/>
      <c r="BE28" s="356"/>
      <c r="BF28" s="356"/>
      <c r="BG28" s="356"/>
      <c r="BH28" s="356"/>
      <c r="BI28" s="356"/>
      <c r="BJ28" s="356"/>
      <c r="BK28" s="356"/>
      <c r="BL28" s="356"/>
      <c r="BM28" s="356"/>
      <c r="BN28" s="356"/>
      <c r="BO28" s="356"/>
      <c r="BP28" s="356"/>
      <c r="BQ28" s="356"/>
      <c r="BR28" s="356"/>
      <c r="BS28" s="356"/>
      <c r="BT28" s="356"/>
      <c r="BU28" s="356"/>
      <c r="BV28" s="356"/>
      <c r="BW28" s="356"/>
      <c r="BX28" s="356"/>
      <c r="BY28" s="356"/>
      <c r="BZ28" s="356"/>
      <c r="CA28" s="356"/>
      <c r="CB28" s="356"/>
      <c r="CC28" s="356"/>
      <c r="CD28" s="356"/>
      <c r="CE28" s="356"/>
      <c r="CF28" s="356"/>
      <c r="CG28" s="356"/>
      <c r="CH28" s="356"/>
      <c r="CI28" s="356"/>
      <c r="CJ28" s="138"/>
      <c r="CK28" s="138"/>
      <c r="CL28" s="138"/>
      <c r="CM28" s="138"/>
      <c r="CN28" s="138"/>
      <c r="CO28" s="138"/>
      <c r="CP28" s="138"/>
      <c r="CQ28" s="138"/>
      <c r="CR28" s="145"/>
      <c r="CW28" s="41"/>
      <c r="CX28" s="41"/>
      <c r="CY28" s="41"/>
      <c r="CZ28" s="41"/>
      <c r="DA28" s="41"/>
      <c r="DB28" s="426"/>
      <c r="DC28" s="426"/>
      <c r="DD28" s="426"/>
      <c r="DE28" s="426"/>
      <c r="DF28" s="426"/>
      <c r="DG28" s="426"/>
      <c r="DH28" s="426"/>
      <c r="DI28" s="426"/>
      <c r="DJ28" s="426"/>
      <c r="DK28" s="426"/>
      <c r="DL28" s="426"/>
      <c r="DM28" s="426"/>
      <c r="DN28" s="426"/>
      <c r="DO28" s="426"/>
      <c r="DP28" s="426"/>
      <c r="DQ28" s="426"/>
      <c r="DR28" s="426"/>
      <c r="DS28" s="426"/>
      <c r="DT28" s="426"/>
      <c r="DU28" s="426"/>
      <c r="DV28" s="426"/>
      <c r="DW28" s="426"/>
      <c r="DX28" s="426"/>
      <c r="DY28" s="426"/>
      <c r="DZ28" s="426"/>
      <c r="EA28" s="426"/>
      <c r="EB28" s="426"/>
      <c r="EC28" s="426"/>
      <c r="ED28" s="426"/>
      <c r="EE28" s="426"/>
      <c r="EF28" s="426"/>
      <c r="EG28" s="426"/>
      <c r="EH28" s="426"/>
      <c r="EI28" s="426"/>
      <c r="EJ28" s="426"/>
      <c r="EK28" s="426"/>
      <c r="EL28" s="426"/>
      <c r="EM28" s="426"/>
      <c r="EN28" s="426"/>
      <c r="EO28" s="426"/>
      <c r="EP28" s="426"/>
      <c r="EQ28" s="426"/>
      <c r="ER28" s="426"/>
      <c r="ES28" s="426"/>
      <c r="ET28" s="426"/>
      <c r="EU28" s="426"/>
    </row>
    <row r="29" spans="1:151" s="8" customFormat="1" ht="6.75" customHeight="1" x14ac:dyDescent="0.55000000000000004">
      <c r="A29" s="375"/>
      <c r="B29" s="375"/>
      <c r="C29" s="379"/>
      <c r="D29" s="379"/>
      <c r="E29" s="379"/>
      <c r="F29" s="379"/>
      <c r="G29" s="379"/>
      <c r="H29" s="379"/>
      <c r="I29" s="379"/>
      <c r="J29" s="379"/>
      <c r="K29" s="379"/>
      <c r="L29" s="379"/>
      <c r="M29" s="379"/>
      <c r="N29" s="379"/>
      <c r="O29" s="379"/>
      <c r="P29" s="379"/>
      <c r="Q29" s="379"/>
      <c r="R29" s="379"/>
      <c r="S29" s="379"/>
      <c r="T29" s="379"/>
      <c r="U29" s="379"/>
      <c r="V29" s="379"/>
      <c r="W29" s="379"/>
      <c r="X29" s="379"/>
      <c r="Y29" s="379"/>
      <c r="Z29" s="379"/>
      <c r="AA29" s="379"/>
      <c r="AB29" s="379"/>
      <c r="AC29" s="379"/>
      <c r="AD29" s="379"/>
      <c r="AE29" s="379"/>
      <c r="AF29" s="379"/>
      <c r="AG29" s="379"/>
      <c r="AH29" s="379"/>
      <c r="AI29" s="379"/>
      <c r="AJ29" s="379"/>
      <c r="AK29" s="379"/>
      <c r="AL29" s="379"/>
      <c r="AM29" s="379"/>
      <c r="AN29" s="379"/>
      <c r="AO29" s="379"/>
      <c r="AP29" s="379"/>
      <c r="AQ29" s="379"/>
      <c r="AR29" s="379"/>
      <c r="AS29" s="379"/>
      <c r="AT29" s="379"/>
      <c r="AU29" s="379"/>
      <c r="AV29" s="379"/>
      <c r="AW29" s="379"/>
      <c r="AX29" s="384"/>
      <c r="AY29" s="385"/>
      <c r="AZ29" s="386"/>
      <c r="BA29" s="148"/>
      <c r="BB29" s="138"/>
      <c r="BC29" s="138"/>
      <c r="BD29" s="135"/>
      <c r="BE29" s="135"/>
      <c r="BF29" s="448" t="s">
        <v>184</v>
      </c>
      <c r="BG29" s="448"/>
      <c r="BH29" s="448"/>
      <c r="BI29" s="448"/>
      <c r="BJ29" s="448"/>
      <c r="BK29" s="448"/>
      <c r="BL29" s="448"/>
      <c r="BM29" s="448"/>
      <c r="BN29" s="448"/>
      <c r="BO29" s="448"/>
      <c r="BP29" s="448"/>
      <c r="BQ29" s="448"/>
      <c r="BR29" s="448"/>
      <c r="BS29" s="448"/>
      <c r="BT29" s="448"/>
      <c r="BU29" s="448"/>
      <c r="BV29" s="448"/>
      <c r="BW29" s="448"/>
      <c r="BX29" s="448"/>
      <c r="BY29" s="448"/>
      <c r="BZ29" s="448"/>
      <c r="CA29" s="448"/>
      <c r="CB29" s="448"/>
      <c r="CC29" s="448"/>
      <c r="CD29" s="448"/>
      <c r="CE29" s="448"/>
      <c r="CF29" s="448"/>
      <c r="CG29" s="448"/>
      <c r="CH29" s="138"/>
      <c r="CI29" s="138"/>
      <c r="CJ29" s="138"/>
      <c r="CK29" s="138"/>
      <c r="CL29" s="138"/>
      <c r="CM29" s="138"/>
      <c r="CN29" s="138"/>
      <c r="CO29" s="138"/>
      <c r="CP29" s="138"/>
      <c r="CQ29" s="138"/>
      <c r="CR29" s="145"/>
      <c r="CW29" s="41"/>
      <c r="CX29" s="41"/>
      <c r="CY29" s="41"/>
      <c r="CZ29" s="41"/>
      <c r="DA29" s="41"/>
      <c r="DB29" s="426"/>
      <c r="DC29" s="426"/>
      <c r="DD29" s="426"/>
      <c r="DE29" s="426"/>
      <c r="DF29" s="426"/>
      <c r="DG29" s="426"/>
      <c r="DH29" s="426"/>
      <c r="DI29" s="426"/>
      <c r="DJ29" s="426"/>
      <c r="DK29" s="426"/>
      <c r="DL29" s="426"/>
      <c r="DM29" s="426"/>
      <c r="DN29" s="426"/>
      <c r="DO29" s="426"/>
      <c r="DP29" s="426"/>
      <c r="DQ29" s="426"/>
      <c r="DR29" s="426"/>
      <c r="DS29" s="426"/>
      <c r="DT29" s="426"/>
      <c r="DU29" s="426"/>
      <c r="DV29" s="426"/>
      <c r="DW29" s="426"/>
      <c r="DX29" s="426"/>
      <c r="DY29" s="426"/>
      <c r="DZ29" s="426"/>
      <c r="EA29" s="426"/>
      <c r="EB29" s="426"/>
      <c r="EC29" s="426"/>
      <c r="ED29" s="426"/>
      <c r="EE29" s="426"/>
      <c r="EF29" s="426"/>
      <c r="EG29" s="426"/>
      <c r="EH29" s="426"/>
      <c r="EI29" s="426"/>
      <c r="EJ29" s="426"/>
      <c r="EK29" s="426"/>
      <c r="EL29" s="426"/>
      <c r="EM29" s="426"/>
      <c r="EN29" s="426"/>
      <c r="EO29" s="426"/>
      <c r="EP29" s="426"/>
      <c r="EQ29" s="426"/>
      <c r="ER29" s="426"/>
      <c r="ES29" s="426"/>
      <c r="ET29" s="426"/>
      <c r="EU29" s="426"/>
    </row>
    <row r="30" spans="1:151" s="8" customFormat="1" ht="6.75" customHeight="1" x14ac:dyDescent="0.55000000000000004">
      <c r="A30" s="375"/>
      <c r="B30" s="375"/>
      <c r="C30" s="379"/>
      <c r="D30" s="379"/>
      <c r="E30" s="379"/>
      <c r="F30" s="379"/>
      <c r="G30" s="379"/>
      <c r="H30" s="379"/>
      <c r="I30" s="379"/>
      <c r="J30" s="379"/>
      <c r="K30" s="379"/>
      <c r="L30" s="379"/>
      <c r="M30" s="379"/>
      <c r="N30" s="379"/>
      <c r="O30" s="379"/>
      <c r="P30" s="379"/>
      <c r="Q30" s="379"/>
      <c r="R30" s="379"/>
      <c r="S30" s="379"/>
      <c r="T30" s="379"/>
      <c r="U30" s="379"/>
      <c r="V30" s="379"/>
      <c r="W30" s="379"/>
      <c r="X30" s="379"/>
      <c r="Y30" s="379"/>
      <c r="Z30" s="379"/>
      <c r="AA30" s="379"/>
      <c r="AB30" s="379"/>
      <c r="AC30" s="379"/>
      <c r="AD30" s="379"/>
      <c r="AE30" s="379"/>
      <c r="AF30" s="379"/>
      <c r="AG30" s="379"/>
      <c r="AH30" s="379"/>
      <c r="AI30" s="379"/>
      <c r="AJ30" s="379"/>
      <c r="AK30" s="379"/>
      <c r="AL30" s="379"/>
      <c r="AM30" s="379"/>
      <c r="AN30" s="379"/>
      <c r="AO30" s="379"/>
      <c r="AP30" s="379"/>
      <c r="AQ30" s="379"/>
      <c r="AR30" s="379"/>
      <c r="AS30" s="379"/>
      <c r="AT30" s="379"/>
      <c r="AU30" s="379"/>
      <c r="AV30" s="379"/>
      <c r="AW30" s="379"/>
      <c r="AX30" s="384"/>
      <c r="AY30" s="385"/>
      <c r="AZ30" s="386"/>
      <c r="BA30" s="149"/>
      <c r="BB30" s="141"/>
      <c r="BC30" s="141"/>
      <c r="BD30" s="141"/>
      <c r="BE30" s="141"/>
      <c r="BF30" s="449"/>
      <c r="BG30" s="449"/>
      <c r="BH30" s="449"/>
      <c r="BI30" s="449"/>
      <c r="BJ30" s="449"/>
      <c r="BK30" s="449"/>
      <c r="BL30" s="449"/>
      <c r="BM30" s="449"/>
      <c r="BN30" s="449"/>
      <c r="BO30" s="449"/>
      <c r="BP30" s="449"/>
      <c r="BQ30" s="449"/>
      <c r="BR30" s="449"/>
      <c r="BS30" s="449"/>
      <c r="BT30" s="449"/>
      <c r="BU30" s="449"/>
      <c r="BV30" s="449"/>
      <c r="BW30" s="449"/>
      <c r="BX30" s="449"/>
      <c r="BY30" s="449"/>
      <c r="BZ30" s="449"/>
      <c r="CA30" s="449"/>
      <c r="CB30" s="449"/>
      <c r="CC30" s="449"/>
      <c r="CD30" s="449"/>
      <c r="CE30" s="449"/>
      <c r="CF30" s="449"/>
      <c r="CG30" s="449"/>
      <c r="CH30" s="141"/>
      <c r="CI30" s="142"/>
      <c r="CJ30" s="142"/>
      <c r="CK30" s="142"/>
      <c r="CL30" s="142"/>
      <c r="CM30" s="142"/>
      <c r="CN30" s="142"/>
      <c r="CO30" s="142"/>
      <c r="CP30" s="142"/>
      <c r="CQ30" s="142"/>
      <c r="CR30" s="150"/>
      <c r="CW30" s="41"/>
      <c r="CX30" s="41"/>
      <c r="CY30" s="41"/>
      <c r="CZ30" s="41"/>
      <c r="DA30" s="41"/>
      <c r="DB30" s="426"/>
      <c r="DC30" s="426"/>
      <c r="DD30" s="426"/>
      <c r="DE30" s="426"/>
      <c r="DF30" s="426"/>
      <c r="DG30" s="426"/>
      <c r="DH30" s="426"/>
      <c r="DI30" s="426"/>
      <c r="DJ30" s="426"/>
      <c r="DK30" s="426"/>
      <c r="DL30" s="426"/>
      <c r="DM30" s="426"/>
      <c r="DN30" s="426"/>
      <c r="DO30" s="426"/>
      <c r="DP30" s="426"/>
      <c r="DQ30" s="426"/>
      <c r="DR30" s="426"/>
      <c r="DS30" s="426"/>
      <c r="DT30" s="426"/>
      <c r="DU30" s="426"/>
      <c r="DV30" s="426"/>
      <c r="DW30" s="426"/>
      <c r="DX30" s="426"/>
      <c r="DY30" s="426"/>
      <c r="DZ30" s="426"/>
      <c r="EA30" s="426"/>
      <c r="EB30" s="426"/>
      <c r="EC30" s="426"/>
      <c r="ED30" s="426"/>
      <c r="EE30" s="426"/>
      <c r="EF30" s="426"/>
      <c r="EG30" s="426"/>
      <c r="EH30" s="426"/>
      <c r="EI30" s="426"/>
      <c r="EJ30" s="426"/>
      <c r="EK30" s="426"/>
      <c r="EL30" s="426"/>
      <c r="EM30" s="426"/>
      <c r="EN30" s="426"/>
      <c r="EO30" s="426"/>
      <c r="EP30" s="426"/>
      <c r="EQ30" s="426"/>
      <c r="ER30" s="426"/>
      <c r="ES30" s="426"/>
      <c r="ET30" s="426"/>
      <c r="EU30" s="426"/>
    </row>
    <row r="31" spans="1:151" s="8" customFormat="1" ht="6.75" customHeight="1" x14ac:dyDescent="0.55000000000000004">
      <c r="A31" s="375"/>
      <c r="B31" s="375"/>
      <c r="C31" s="379"/>
      <c r="D31" s="379"/>
      <c r="E31" s="379"/>
      <c r="F31" s="379"/>
      <c r="G31" s="379"/>
      <c r="H31" s="379"/>
      <c r="I31" s="379"/>
      <c r="J31" s="379"/>
      <c r="K31" s="379"/>
      <c r="L31" s="379"/>
      <c r="M31" s="379"/>
      <c r="N31" s="379"/>
      <c r="O31" s="379"/>
      <c r="P31" s="379"/>
      <c r="Q31" s="379"/>
      <c r="R31" s="379"/>
      <c r="S31" s="379"/>
      <c r="T31" s="379"/>
      <c r="U31" s="379"/>
      <c r="V31" s="379"/>
      <c r="W31" s="379"/>
      <c r="X31" s="379"/>
      <c r="Y31" s="379"/>
      <c r="Z31" s="379"/>
      <c r="AA31" s="379"/>
      <c r="AB31" s="379"/>
      <c r="AC31" s="379"/>
      <c r="AD31" s="379"/>
      <c r="AE31" s="379"/>
      <c r="AF31" s="379"/>
      <c r="AG31" s="379"/>
      <c r="AH31" s="379"/>
      <c r="AI31" s="379"/>
      <c r="AJ31" s="379"/>
      <c r="AK31" s="379"/>
      <c r="AL31" s="379"/>
      <c r="AM31" s="379"/>
      <c r="AN31" s="379"/>
      <c r="AO31" s="379"/>
      <c r="AP31" s="379"/>
      <c r="AQ31" s="379"/>
      <c r="AR31" s="379"/>
      <c r="AS31" s="379"/>
      <c r="AT31" s="379"/>
      <c r="AU31" s="379"/>
      <c r="AV31" s="379"/>
      <c r="AW31" s="379"/>
      <c r="AX31" s="384"/>
      <c r="AY31" s="385"/>
      <c r="AZ31" s="386"/>
      <c r="BA31" s="348"/>
      <c r="BB31" s="349"/>
      <c r="BC31" s="349"/>
      <c r="BD31" s="441" t="s">
        <v>120</v>
      </c>
      <c r="BE31" s="442"/>
      <c r="BF31" s="442"/>
      <c r="BG31" s="442"/>
      <c r="BH31" s="442"/>
      <c r="BI31" s="442"/>
      <c r="BJ31" s="442"/>
      <c r="BK31" s="442"/>
      <c r="BL31" s="442"/>
      <c r="BM31" s="442"/>
      <c r="BN31" s="442"/>
      <c r="BO31" s="164"/>
      <c r="BP31" s="164"/>
      <c r="BQ31" s="164"/>
      <c r="BR31" s="164"/>
      <c r="BS31" s="170"/>
      <c r="BT31" s="416" t="s">
        <v>183</v>
      </c>
      <c r="BU31" s="417"/>
      <c r="BV31" s="417"/>
      <c r="BW31" s="429" t="s">
        <v>127</v>
      </c>
      <c r="BX31" s="429"/>
      <c r="BY31" s="429"/>
      <c r="BZ31" s="429"/>
      <c r="CA31" s="430"/>
      <c r="CB31" s="416"/>
      <c r="CC31" s="417"/>
      <c r="CD31" s="417"/>
      <c r="CE31" s="429" t="s">
        <v>128</v>
      </c>
      <c r="CF31" s="429"/>
      <c r="CG31" s="429"/>
      <c r="CH31" s="429"/>
      <c r="CI31" s="429"/>
      <c r="CJ31" s="154"/>
      <c r="CK31" s="154"/>
      <c r="CL31" s="154"/>
      <c r="CM31" s="154"/>
      <c r="CN31" s="154"/>
      <c r="CO31" s="154"/>
      <c r="CP31" s="154"/>
      <c r="CQ31" s="154"/>
      <c r="CR31" s="165"/>
      <c r="CW31" s="41"/>
      <c r="CX31" s="41"/>
      <c r="CY31" s="41"/>
      <c r="CZ31" s="41"/>
      <c r="DA31" s="41"/>
      <c r="DB31" s="426"/>
      <c r="DC31" s="426"/>
      <c r="DD31" s="426"/>
      <c r="DE31" s="426"/>
      <c r="DF31" s="426"/>
      <c r="DG31" s="426"/>
      <c r="DH31" s="426"/>
      <c r="DI31" s="426"/>
      <c r="DJ31" s="426"/>
      <c r="DK31" s="426"/>
      <c r="DL31" s="426"/>
      <c r="DM31" s="426"/>
      <c r="DN31" s="426"/>
      <c r="DO31" s="426"/>
      <c r="DP31" s="426"/>
      <c r="DQ31" s="426"/>
      <c r="DR31" s="426"/>
      <c r="DS31" s="426"/>
      <c r="DT31" s="426"/>
      <c r="DU31" s="426"/>
      <c r="DV31" s="426"/>
      <c r="DW31" s="426"/>
      <c r="DX31" s="426"/>
      <c r="DY31" s="426"/>
      <c r="DZ31" s="426"/>
      <c r="EA31" s="426"/>
      <c r="EB31" s="426"/>
      <c r="EC31" s="426"/>
      <c r="ED31" s="426"/>
      <c r="EE31" s="426"/>
      <c r="EF31" s="426"/>
      <c r="EG31" s="426"/>
      <c r="EH31" s="426"/>
      <c r="EI31" s="426"/>
      <c r="EJ31" s="426"/>
      <c r="EK31" s="426"/>
      <c r="EL31" s="426"/>
      <c r="EM31" s="426"/>
      <c r="EN31" s="426"/>
      <c r="EO31" s="426"/>
      <c r="EP31" s="426"/>
      <c r="EQ31" s="426"/>
      <c r="ER31" s="426"/>
      <c r="ES31" s="426"/>
      <c r="ET31" s="426"/>
      <c r="EU31" s="426"/>
    </row>
    <row r="32" spans="1:151" s="8" customFormat="1" ht="6.75" customHeight="1" x14ac:dyDescent="0.55000000000000004">
      <c r="A32" s="375"/>
      <c r="B32" s="375"/>
      <c r="C32" s="379"/>
      <c r="D32" s="379"/>
      <c r="E32" s="379"/>
      <c r="F32" s="379"/>
      <c r="G32" s="379"/>
      <c r="H32" s="379"/>
      <c r="I32" s="379"/>
      <c r="J32" s="379"/>
      <c r="K32" s="379"/>
      <c r="L32" s="379"/>
      <c r="M32" s="379"/>
      <c r="N32" s="379"/>
      <c r="O32" s="379"/>
      <c r="P32" s="379"/>
      <c r="Q32" s="379"/>
      <c r="R32" s="379"/>
      <c r="S32" s="379"/>
      <c r="T32" s="379"/>
      <c r="U32" s="379"/>
      <c r="V32" s="379"/>
      <c r="W32" s="379"/>
      <c r="X32" s="379"/>
      <c r="Y32" s="379"/>
      <c r="Z32" s="379"/>
      <c r="AA32" s="379"/>
      <c r="AB32" s="379"/>
      <c r="AC32" s="379"/>
      <c r="AD32" s="379"/>
      <c r="AE32" s="379"/>
      <c r="AF32" s="379"/>
      <c r="AG32" s="379"/>
      <c r="AH32" s="379"/>
      <c r="AI32" s="379"/>
      <c r="AJ32" s="379"/>
      <c r="AK32" s="379"/>
      <c r="AL32" s="379"/>
      <c r="AM32" s="379"/>
      <c r="AN32" s="379"/>
      <c r="AO32" s="379"/>
      <c r="AP32" s="379"/>
      <c r="AQ32" s="379"/>
      <c r="AR32" s="379"/>
      <c r="AS32" s="379"/>
      <c r="AT32" s="379"/>
      <c r="AU32" s="379"/>
      <c r="AV32" s="379"/>
      <c r="AW32" s="379"/>
      <c r="AX32" s="384"/>
      <c r="AY32" s="385"/>
      <c r="AZ32" s="386"/>
      <c r="BA32" s="350"/>
      <c r="BB32" s="351"/>
      <c r="BC32" s="351"/>
      <c r="BD32" s="443"/>
      <c r="BE32" s="444"/>
      <c r="BF32" s="444"/>
      <c r="BG32" s="444"/>
      <c r="BH32" s="444"/>
      <c r="BI32" s="444"/>
      <c r="BJ32" s="444"/>
      <c r="BK32" s="444"/>
      <c r="BL32" s="444"/>
      <c r="BM32" s="444"/>
      <c r="BN32" s="444"/>
      <c r="BO32" s="143"/>
      <c r="BP32" s="143"/>
      <c r="BQ32" s="143"/>
      <c r="BR32" s="143"/>
      <c r="BS32" s="171"/>
      <c r="BT32" s="418"/>
      <c r="BU32" s="419"/>
      <c r="BV32" s="419"/>
      <c r="BW32" s="431"/>
      <c r="BX32" s="431"/>
      <c r="BY32" s="431"/>
      <c r="BZ32" s="431"/>
      <c r="CA32" s="432"/>
      <c r="CB32" s="418"/>
      <c r="CC32" s="419"/>
      <c r="CD32" s="419"/>
      <c r="CE32" s="431"/>
      <c r="CF32" s="431"/>
      <c r="CG32" s="431"/>
      <c r="CH32" s="431"/>
      <c r="CI32" s="431"/>
      <c r="CJ32" s="138"/>
      <c r="CK32" s="138"/>
      <c r="CL32" s="138"/>
      <c r="CM32" s="138"/>
      <c r="CN32" s="138"/>
      <c r="CO32" s="138"/>
      <c r="CP32" s="138"/>
      <c r="CQ32" s="138"/>
      <c r="CR32" s="145"/>
      <c r="CW32" s="41"/>
      <c r="CX32" s="41"/>
      <c r="CY32" s="41"/>
      <c r="CZ32" s="41"/>
      <c r="DA32" s="41"/>
      <c r="DB32" s="426"/>
      <c r="DC32" s="426"/>
      <c r="DD32" s="426"/>
      <c r="DE32" s="426"/>
      <c r="DF32" s="426"/>
      <c r="DG32" s="426"/>
      <c r="DH32" s="426"/>
      <c r="DI32" s="426"/>
      <c r="DJ32" s="426"/>
      <c r="DK32" s="426"/>
      <c r="DL32" s="426"/>
      <c r="DM32" s="426"/>
      <c r="DN32" s="426"/>
      <c r="DO32" s="426"/>
      <c r="DP32" s="426"/>
      <c r="DQ32" s="426"/>
      <c r="DR32" s="426"/>
      <c r="DS32" s="426"/>
      <c r="DT32" s="426"/>
      <c r="DU32" s="426"/>
      <c r="DV32" s="426"/>
      <c r="DW32" s="426"/>
      <c r="DX32" s="426"/>
      <c r="DY32" s="426"/>
      <c r="DZ32" s="426"/>
      <c r="EA32" s="426"/>
      <c r="EB32" s="426"/>
      <c r="EC32" s="426"/>
      <c r="ED32" s="426"/>
      <c r="EE32" s="426"/>
      <c r="EF32" s="426"/>
      <c r="EG32" s="426"/>
      <c r="EH32" s="426"/>
      <c r="EI32" s="426"/>
      <c r="EJ32" s="426"/>
      <c r="EK32" s="426"/>
      <c r="EL32" s="426"/>
      <c r="EM32" s="426"/>
      <c r="EN32" s="426"/>
      <c r="EO32" s="426"/>
      <c r="EP32" s="426"/>
      <c r="EQ32" s="426"/>
      <c r="ER32" s="426"/>
      <c r="ES32" s="426"/>
      <c r="ET32" s="426"/>
      <c r="EU32" s="426"/>
    </row>
    <row r="33" spans="1:151" s="8" customFormat="1" ht="9" customHeight="1" x14ac:dyDescent="0.55000000000000004">
      <c r="A33" s="375"/>
      <c r="B33" s="375"/>
      <c r="C33" s="379"/>
      <c r="D33" s="379"/>
      <c r="E33" s="379"/>
      <c r="F33" s="379"/>
      <c r="G33" s="379"/>
      <c r="H33" s="379"/>
      <c r="I33" s="379"/>
      <c r="J33" s="379"/>
      <c r="K33" s="379"/>
      <c r="L33" s="379"/>
      <c r="M33" s="379"/>
      <c r="N33" s="379"/>
      <c r="O33" s="379"/>
      <c r="P33" s="379"/>
      <c r="Q33" s="379"/>
      <c r="R33" s="379"/>
      <c r="S33" s="379"/>
      <c r="T33" s="379"/>
      <c r="U33" s="379"/>
      <c r="V33" s="379"/>
      <c r="W33" s="379"/>
      <c r="X33" s="379"/>
      <c r="Y33" s="379"/>
      <c r="Z33" s="379"/>
      <c r="AA33" s="379"/>
      <c r="AB33" s="379"/>
      <c r="AC33" s="379"/>
      <c r="AD33" s="379"/>
      <c r="AE33" s="379"/>
      <c r="AF33" s="379"/>
      <c r="AG33" s="379"/>
      <c r="AH33" s="379"/>
      <c r="AI33" s="379"/>
      <c r="AJ33" s="379"/>
      <c r="AK33" s="379"/>
      <c r="AL33" s="379"/>
      <c r="AM33" s="379"/>
      <c r="AN33" s="379"/>
      <c r="AO33" s="379"/>
      <c r="AP33" s="379"/>
      <c r="AQ33" s="379"/>
      <c r="AR33" s="379"/>
      <c r="AS33" s="379"/>
      <c r="AT33" s="379"/>
      <c r="AU33" s="379"/>
      <c r="AV33" s="379"/>
      <c r="AW33" s="379"/>
      <c r="AX33" s="384"/>
      <c r="AY33" s="385"/>
      <c r="AZ33" s="386"/>
      <c r="BA33" s="352"/>
      <c r="BB33" s="353"/>
      <c r="BC33" s="353"/>
      <c r="BD33" s="445"/>
      <c r="BE33" s="446"/>
      <c r="BF33" s="446"/>
      <c r="BG33" s="446"/>
      <c r="BH33" s="446"/>
      <c r="BI33" s="446"/>
      <c r="BJ33" s="446"/>
      <c r="BK33" s="446"/>
      <c r="BL33" s="446"/>
      <c r="BM33" s="446"/>
      <c r="BN33" s="446"/>
      <c r="BO33" s="172"/>
      <c r="BP33" s="172"/>
      <c r="BQ33" s="172"/>
      <c r="BR33" s="172"/>
      <c r="BS33" s="173"/>
      <c r="BT33" s="420"/>
      <c r="BU33" s="421"/>
      <c r="BV33" s="421"/>
      <c r="BW33" s="433"/>
      <c r="BX33" s="433"/>
      <c r="BY33" s="433"/>
      <c r="BZ33" s="433"/>
      <c r="CA33" s="434"/>
      <c r="CB33" s="420"/>
      <c r="CC33" s="421"/>
      <c r="CD33" s="421"/>
      <c r="CE33" s="433"/>
      <c r="CF33" s="433"/>
      <c r="CG33" s="433"/>
      <c r="CH33" s="433"/>
      <c r="CI33" s="433"/>
      <c r="CJ33" s="174"/>
      <c r="CK33" s="174"/>
      <c r="CL33" s="174"/>
      <c r="CM33" s="174"/>
      <c r="CN33" s="174"/>
      <c r="CO33" s="174"/>
      <c r="CP33" s="174"/>
      <c r="CQ33" s="174"/>
      <c r="CR33" s="175"/>
      <c r="CW33" s="41"/>
      <c r="CX33" s="41"/>
      <c r="CY33" s="41"/>
      <c r="CZ33" s="41"/>
      <c r="DA33" s="41"/>
      <c r="DB33" s="426"/>
      <c r="DC33" s="426"/>
      <c r="DD33" s="426"/>
      <c r="DE33" s="426"/>
      <c r="DF33" s="426"/>
      <c r="DG33" s="426"/>
      <c r="DH33" s="426"/>
      <c r="DI33" s="426"/>
      <c r="DJ33" s="426"/>
      <c r="DK33" s="426"/>
      <c r="DL33" s="426"/>
      <c r="DM33" s="426"/>
      <c r="DN33" s="426"/>
      <c r="DO33" s="426"/>
      <c r="DP33" s="426"/>
      <c r="DQ33" s="426"/>
      <c r="DR33" s="426"/>
      <c r="DS33" s="426"/>
      <c r="DT33" s="426"/>
      <c r="DU33" s="426"/>
      <c r="DV33" s="426"/>
      <c r="DW33" s="426"/>
      <c r="DX33" s="426"/>
      <c r="DY33" s="426"/>
      <c r="DZ33" s="426"/>
      <c r="EA33" s="426"/>
      <c r="EB33" s="426"/>
      <c r="EC33" s="426"/>
      <c r="ED33" s="426"/>
      <c r="EE33" s="426"/>
      <c r="EF33" s="426"/>
      <c r="EG33" s="426"/>
      <c r="EH33" s="426"/>
      <c r="EI33" s="426"/>
      <c r="EJ33" s="426"/>
      <c r="EK33" s="426"/>
      <c r="EL33" s="426"/>
      <c r="EM33" s="426"/>
      <c r="EN33" s="426"/>
      <c r="EO33" s="426"/>
      <c r="EP33" s="426"/>
      <c r="EQ33" s="426"/>
      <c r="ER33" s="426"/>
      <c r="ES33" s="426"/>
      <c r="ET33" s="426"/>
      <c r="EU33" s="426"/>
    </row>
    <row r="34" spans="1:151" s="8" customFormat="1" ht="9" customHeight="1" x14ac:dyDescent="0.55000000000000004">
      <c r="A34" s="375"/>
      <c r="B34" s="375"/>
      <c r="C34" s="379"/>
      <c r="D34" s="379"/>
      <c r="E34" s="379"/>
      <c r="F34" s="379"/>
      <c r="G34" s="379"/>
      <c r="H34" s="379"/>
      <c r="I34" s="379"/>
      <c r="J34" s="379"/>
      <c r="K34" s="379"/>
      <c r="L34" s="379"/>
      <c r="M34" s="379"/>
      <c r="N34" s="379"/>
      <c r="O34" s="379"/>
      <c r="P34" s="379"/>
      <c r="Q34" s="379"/>
      <c r="R34" s="379"/>
      <c r="S34" s="379"/>
      <c r="T34" s="379"/>
      <c r="U34" s="379"/>
      <c r="V34" s="379"/>
      <c r="W34" s="379"/>
      <c r="X34" s="379"/>
      <c r="Y34" s="379"/>
      <c r="Z34" s="379"/>
      <c r="AA34" s="379"/>
      <c r="AB34" s="379"/>
      <c r="AC34" s="379"/>
      <c r="AD34" s="379"/>
      <c r="AE34" s="379"/>
      <c r="AF34" s="379"/>
      <c r="AG34" s="379"/>
      <c r="AH34" s="379"/>
      <c r="AI34" s="379"/>
      <c r="AJ34" s="379"/>
      <c r="AK34" s="379"/>
      <c r="AL34" s="379"/>
      <c r="AM34" s="379"/>
      <c r="AN34" s="379"/>
      <c r="AO34" s="379"/>
      <c r="AP34" s="379"/>
      <c r="AQ34" s="379"/>
      <c r="AR34" s="379"/>
      <c r="AS34" s="379"/>
      <c r="AT34" s="379"/>
      <c r="AU34" s="379"/>
      <c r="AV34" s="379"/>
      <c r="AW34" s="379"/>
      <c r="AX34" s="384"/>
      <c r="AY34" s="385"/>
      <c r="AZ34" s="386"/>
      <c r="BA34" s="147"/>
      <c r="BB34" s="135"/>
      <c r="BC34" s="135"/>
      <c r="BD34" s="390" t="s">
        <v>122</v>
      </c>
      <c r="BE34" s="390"/>
      <c r="BF34" s="390"/>
      <c r="BG34" s="390"/>
      <c r="BH34" s="390"/>
      <c r="BI34" s="390"/>
      <c r="BJ34" s="390"/>
      <c r="BK34" s="390"/>
      <c r="BL34" s="390"/>
      <c r="BM34" s="390"/>
      <c r="BN34" s="390"/>
      <c r="BO34" s="390"/>
      <c r="BP34" s="390"/>
      <c r="BQ34" s="390"/>
      <c r="BR34" s="390"/>
      <c r="BS34" s="390"/>
      <c r="BT34" s="390"/>
      <c r="BU34" s="390"/>
      <c r="BV34" s="390"/>
      <c r="BW34" s="390"/>
      <c r="BX34" s="390"/>
      <c r="BY34" s="390"/>
      <c r="BZ34" s="390"/>
      <c r="CA34" s="390"/>
      <c r="CB34" s="390"/>
      <c r="CC34" s="390"/>
      <c r="CD34" s="390"/>
      <c r="CE34" s="390"/>
      <c r="CF34" s="390"/>
      <c r="CG34" s="390"/>
      <c r="CH34" s="390"/>
      <c r="CI34" s="390"/>
      <c r="CJ34" s="390"/>
      <c r="CK34" s="390"/>
      <c r="CL34" s="390"/>
      <c r="CM34" s="390"/>
      <c r="CN34" s="390"/>
      <c r="CO34" s="390"/>
      <c r="CP34" s="390"/>
      <c r="CQ34" s="138"/>
      <c r="CR34" s="145"/>
      <c r="CW34" s="41"/>
      <c r="CX34" s="41"/>
      <c r="CY34" s="41"/>
      <c r="CZ34" s="41"/>
      <c r="DA34" s="41"/>
      <c r="DB34" s="426"/>
      <c r="DC34" s="426"/>
      <c r="DD34" s="426"/>
      <c r="DE34" s="426"/>
      <c r="DF34" s="426"/>
      <c r="DG34" s="426"/>
      <c r="DH34" s="426"/>
      <c r="DI34" s="426"/>
      <c r="DJ34" s="426"/>
      <c r="DK34" s="426"/>
      <c r="DL34" s="426"/>
      <c r="DM34" s="426"/>
      <c r="DN34" s="426"/>
      <c r="DO34" s="426"/>
      <c r="DP34" s="426"/>
      <c r="DQ34" s="426"/>
      <c r="DR34" s="426"/>
      <c r="DS34" s="426"/>
      <c r="DT34" s="426"/>
      <c r="DU34" s="426"/>
      <c r="DV34" s="426"/>
      <c r="DW34" s="426"/>
      <c r="DX34" s="426"/>
      <c r="DY34" s="426"/>
      <c r="DZ34" s="426"/>
      <c r="EA34" s="426"/>
      <c r="EB34" s="426"/>
      <c r="EC34" s="426"/>
      <c r="ED34" s="426"/>
      <c r="EE34" s="426"/>
      <c r="EF34" s="426"/>
      <c r="EG34" s="426"/>
      <c r="EH34" s="426"/>
      <c r="EI34" s="426"/>
      <c r="EJ34" s="426"/>
      <c r="EK34" s="426"/>
      <c r="EL34" s="426"/>
      <c r="EM34" s="426"/>
      <c r="EN34" s="426"/>
      <c r="EO34" s="426"/>
      <c r="EP34" s="426"/>
      <c r="EQ34" s="426"/>
      <c r="ER34" s="426"/>
      <c r="ES34" s="426"/>
      <c r="ET34" s="426"/>
      <c r="EU34" s="426"/>
    </row>
    <row r="35" spans="1:151" s="8" customFormat="1" ht="11.5" customHeight="1" x14ac:dyDescent="0.55000000000000004">
      <c r="A35" s="376"/>
      <c r="B35" s="376"/>
      <c r="C35" s="380"/>
      <c r="D35" s="380"/>
      <c r="E35" s="380"/>
      <c r="F35" s="380"/>
      <c r="G35" s="380"/>
      <c r="H35" s="380"/>
      <c r="I35" s="380"/>
      <c r="J35" s="380"/>
      <c r="K35" s="380"/>
      <c r="L35" s="380"/>
      <c r="M35" s="380"/>
      <c r="N35" s="380"/>
      <c r="O35" s="380"/>
      <c r="P35" s="380"/>
      <c r="Q35" s="380"/>
      <c r="R35" s="380"/>
      <c r="S35" s="380"/>
      <c r="T35" s="380"/>
      <c r="U35" s="380"/>
      <c r="V35" s="380"/>
      <c r="W35" s="380"/>
      <c r="X35" s="380"/>
      <c r="Y35" s="380"/>
      <c r="Z35" s="380"/>
      <c r="AA35" s="380"/>
      <c r="AB35" s="380"/>
      <c r="AC35" s="380"/>
      <c r="AD35" s="380"/>
      <c r="AE35" s="380"/>
      <c r="AF35" s="380"/>
      <c r="AG35" s="380"/>
      <c r="AH35" s="380"/>
      <c r="AI35" s="380"/>
      <c r="AJ35" s="380"/>
      <c r="AK35" s="380"/>
      <c r="AL35" s="380"/>
      <c r="AM35" s="380"/>
      <c r="AN35" s="380"/>
      <c r="AO35" s="380"/>
      <c r="AP35" s="380"/>
      <c r="AQ35" s="380"/>
      <c r="AR35" s="380"/>
      <c r="AS35" s="380"/>
      <c r="AT35" s="380"/>
      <c r="AU35" s="380"/>
      <c r="AV35" s="380"/>
      <c r="AW35" s="380"/>
      <c r="AX35" s="387"/>
      <c r="AY35" s="388"/>
      <c r="AZ35" s="389"/>
      <c r="BA35" s="149"/>
      <c r="BB35" s="141"/>
      <c r="BC35" s="141"/>
      <c r="BD35" s="391"/>
      <c r="BE35" s="391"/>
      <c r="BF35" s="391"/>
      <c r="BG35" s="391"/>
      <c r="BH35" s="391"/>
      <c r="BI35" s="391"/>
      <c r="BJ35" s="391"/>
      <c r="BK35" s="391"/>
      <c r="BL35" s="391"/>
      <c r="BM35" s="391"/>
      <c r="BN35" s="391"/>
      <c r="BO35" s="391"/>
      <c r="BP35" s="391"/>
      <c r="BQ35" s="391"/>
      <c r="BR35" s="391"/>
      <c r="BS35" s="391"/>
      <c r="BT35" s="391"/>
      <c r="BU35" s="391"/>
      <c r="BV35" s="391"/>
      <c r="BW35" s="391"/>
      <c r="BX35" s="391"/>
      <c r="BY35" s="391"/>
      <c r="BZ35" s="391"/>
      <c r="CA35" s="391"/>
      <c r="CB35" s="391"/>
      <c r="CC35" s="391"/>
      <c r="CD35" s="391"/>
      <c r="CE35" s="391"/>
      <c r="CF35" s="391"/>
      <c r="CG35" s="391"/>
      <c r="CH35" s="391"/>
      <c r="CI35" s="391"/>
      <c r="CJ35" s="391"/>
      <c r="CK35" s="391"/>
      <c r="CL35" s="391"/>
      <c r="CM35" s="391"/>
      <c r="CN35" s="391"/>
      <c r="CO35" s="391"/>
      <c r="CP35" s="391"/>
      <c r="CQ35" s="142"/>
      <c r="CR35" s="150"/>
      <c r="CW35" s="41"/>
      <c r="CX35" s="41"/>
      <c r="CY35" s="41"/>
      <c r="CZ35" s="41"/>
      <c r="DA35" s="41"/>
      <c r="DB35" s="426"/>
      <c r="DC35" s="426"/>
      <c r="DD35" s="426"/>
      <c r="DE35" s="426"/>
      <c r="DF35" s="426"/>
      <c r="DG35" s="426"/>
      <c r="DH35" s="426"/>
      <c r="DI35" s="426"/>
      <c r="DJ35" s="426"/>
      <c r="DK35" s="426"/>
      <c r="DL35" s="426"/>
      <c r="DM35" s="426"/>
      <c r="DN35" s="426"/>
      <c r="DO35" s="426"/>
      <c r="DP35" s="426"/>
      <c r="DQ35" s="426"/>
      <c r="DR35" s="426"/>
      <c r="DS35" s="426"/>
      <c r="DT35" s="426"/>
      <c r="DU35" s="426"/>
      <c r="DV35" s="426"/>
      <c r="DW35" s="426"/>
      <c r="DX35" s="426"/>
      <c r="DY35" s="426"/>
      <c r="DZ35" s="426"/>
      <c r="EA35" s="426"/>
      <c r="EB35" s="426"/>
      <c r="EC35" s="426"/>
      <c r="ED35" s="426"/>
      <c r="EE35" s="426"/>
      <c r="EF35" s="426"/>
      <c r="EG35" s="426"/>
      <c r="EH35" s="426"/>
      <c r="EI35" s="426"/>
      <c r="EJ35" s="426"/>
      <c r="EK35" s="426"/>
      <c r="EL35" s="426"/>
      <c r="EM35" s="426"/>
      <c r="EN35" s="426"/>
      <c r="EO35" s="426"/>
      <c r="EP35" s="426"/>
      <c r="EQ35" s="426"/>
      <c r="ER35" s="426"/>
      <c r="ES35" s="426"/>
      <c r="ET35" s="426"/>
      <c r="EU35" s="426"/>
    </row>
    <row r="36" spans="1:151" s="8" customFormat="1" ht="6" customHeight="1" x14ac:dyDescent="0.55000000000000004">
      <c r="A36" s="27"/>
      <c r="B36" s="27"/>
      <c r="C36" s="42"/>
      <c r="D36" s="42"/>
      <c r="E36" s="42"/>
      <c r="F36" s="42"/>
      <c r="G36" s="42"/>
      <c r="H36" s="42"/>
      <c r="I36" s="42"/>
      <c r="J36" s="42"/>
      <c r="K36" s="42"/>
      <c r="L36" s="42"/>
      <c r="M36" s="42"/>
      <c r="N36" s="42"/>
      <c r="O36" s="42"/>
      <c r="P36" s="42"/>
      <c r="Q36" s="42"/>
      <c r="R36" s="42"/>
      <c r="S36" s="42"/>
      <c r="T36" s="42"/>
      <c r="U36" s="42"/>
      <c r="V36" s="42"/>
      <c r="W36" s="42"/>
      <c r="X36" s="42"/>
      <c r="Y36" s="42"/>
      <c r="Z36" s="42"/>
      <c r="AA36" s="42"/>
      <c r="AB36" s="42"/>
      <c r="AC36" s="42"/>
      <c r="AD36" s="42"/>
      <c r="AE36" s="42"/>
      <c r="AF36" s="42"/>
      <c r="AG36" s="42"/>
      <c r="AH36" s="42"/>
      <c r="AI36" s="42"/>
      <c r="AJ36" s="42"/>
      <c r="AK36" s="42"/>
      <c r="AL36" s="42"/>
      <c r="AM36" s="42"/>
      <c r="AN36" s="42"/>
      <c r="AO36" s="42"/>
      <c r="AP36" s="42"/>
      <c r="AQ36" s="42"/>
      <c r="AR36" s="42"/>
      <c r="AS36" s="42"/>
      <c r="AT36" s="42"/>
      <c r="AU36" s="42"/>
      <c r="AV36" s="42"/>
      <c r="AW36" s="42"/>
      <c r="AX36" s="42"/>
      <c r="AY36" s="42"/>
      <c r="AZ36" s="27"/>
      <c r="BA36" s="27"/>
      <c r="BB36" s="27"/>
      <c r="BC36" s="43"/>
      <c r="BD36" s="43"/>
      <c r="BE36" s="43"/>
      <c r="BF36" s="43"/>
      <c r="BG36" s="43"/>
      <c r="BH36" s="43"/>
      <c r="BI36" s="43"/>
      <c r="BJ36" s="43"/>
      <c r="BK36" s="43"/>
      <c r="BL36" s="43"/>
      <c r="BM36" s="43"/>
      <c r="BN36" s="43"/>
      <c r="BO36" s="43"/>
      <c r="BP36" s="43"/>
      <c r="BQ36" s="43"/>
      <c r="BR36" s="43"/>
      <c r="BS36" s="43"/>
      <c r="BT36" s="43"/>
      <c r="BU36" s="43"/>
      <c r="BV36" s="43"/>
      <c r="BW36" s="43"/>
      <c r="BX36" s="43"/>
      <c r="BY36" s="43"/>
      <c r="BZ36" s="43"/>
      <c r="CA36" s="43"/>
      <c r="CB36" s="43"/>
      <c r="CC36" s="43"/>
      <c r="CD36" s="43"/>
      <c r="CE36" s="43"/>
      <c r="CF36" s="43"/>
      <c r="CG36" s="43"/>
      <c r="CH36" s="43"/>
      <c r="CI36" s="43"/>
      <c r="CJ36" s="43"/>
      <c r="CK36" s="43"/>
      <c r="CL36" s="43"/>
      <c r="CM36" s="43"/>
      <c r="CN36" s="43"/>
      <c r="CW36" s="41"/>
      <c r="CX36" s="41"/>
      <c r="CY36" s="41"/>
      <c r="CZ36" s="41"/>
      <c r="DA36" s="41"/>
      <c r="DB36" s="426"/>
      <c r="DC36" s="426"/>
      <c r="DD36" s="426"/>
      <c r="DE36" s="426"/>
      <c r="DF36" s="426"/>
      <c r="DG36" s="426"/>
      <c r="DH36" s="426"/>
      <c r="DI36" s="426"/>
      <c r="DJ36" s="426"/>
      <c r="DK36" s="426"/>
      <c r="DL36" s="426"/>
      <c r="DM36" s="426"/>
      <c r="DN36" s="426"/>
      <c r="DO36" s="426"/>
      <c r="DP36" s="426"/>
      <c r="DQ36" s="426"/>
      <c r="DR36" s="426"/>
      <c r="DS36" s="426"/>
      <c r="DT36" s="426"/>
      <c r="DU36" s="426"/>
      <c r="DV36" s="426"/>
      <c r="DW36" s="426"/>
      <c r="DX36" s="426"/>
      <c r="DY36" s="426"/>
      <c r="DZ36" s="426"/>
      <c r="EA36" s="426"/>
      <c r="EB36" s="426"/>
      <c r="EC36" s="426"/>
      <c r="ED36" s="426"/>
      <c r="EE36" s="426"/>
      <c r="EF36" s="426"/>
      <c r="EG36" s="426"/>
      <c r="EH36" s="426"/>
      <c r="EI36" s="426"/>
      <c r="EJ36" s="426"/>
      <c r="EK36" s="426"/>
      <c r="EL36" s="426"/>
      <c r="EM36" s="426"/>
      <c r="EN36" s="426"/>
      <c r="EO36" s="426"/>
      <c r="EP36" s="426"/>
      <c r="EQ36" s="426"/>
      <c r="ER36" s="426"/>
      <c r="ES36" s="426"/>
      <c r="ET36" s="426"/>
      <c r="EU36" s="426"/>
    </row>
    <row r="37" spans="1:151" s="8" customFormat="1" ht="10.5" customHeight="1" x14ac:dyDescent="0.2">
      <c r="A37" s="450" t="s">
        <v>45</v>
      </c>
      <c r="B37" s="450"/>
      <c r="C37" s="450"/>
      <c r="D37" s="450"/>
      <c r="E37" s="450"/>
      <c r="F37" s="450"/>
      <c r="G37" s="450"/>
      <c r="H37" s="450"/>
      <c r="I37" s="450"/>
      <c r="J37" s="450"/>
      <c r="K37" s="450"/>
      <c r="L37" s="450"/>
      <c r="M37" s="450"/>
      <c r="N37" s="450"/>
      <c r="O37" s="450"/>
      <c r="P37" s="450"/>
      <c r="Q37" s="450"/>
      <c r="R37" s="450"/>
      <c r="S37" s="450"/>
      <c r="T37" s="450"/>
      <c r="U37" s="450"/>
      <c r="V37" s="450"/>
      <c r="W37" s="450"/>
      <c r="X37" s="450"/>
      <c r="Y37" s="450"/>
      <c r="Z37" s="450"/>
      <c r="AA37" s="450"/>
      <c r="AB37" s="450"/>
      <c r="AC37" s="450"/>
      <c r="AD37" s="450"/>
      <c r="AE37" s="450"/>
      <c r="AF37" s="450"/>
      <c r="AG37" s="450"/>
      <c r="AH37" s="450"/>
      <c r="AI37" s="450"/>
      <c r="AJ37" s="450"/>
      <c r="AK37" s="450"/>
      <c r="AL37" s="450"/>
      <c r="AM37" s="450"/>
      <c r="AN37" s="450"/>
      <c r="AO37" s="450"/>
      <c r="AP37" s="450"/>
      <c r="AQ37" s="450"/>
      <c r="AR37" s="450"/>
      <c r="AS37" s="450"/>
      <c r="AT37" s="450"/>
      <c r="AU37" s="450"/>
      <c r="AV37" s="450"/>
      <c r="AW37" s="450"/>
      <c r="AX37" s="450"/>
      <c r="AY37" s="450"/>
      <c r="AZ37" s="450"/>
      <c r="BA37" s="450"/>
      <c r="BB37" s="450"/>
      <c r="BC37" s="450"/>
      <c r="BD37" s="450"/>
      <c r="BE37" s="450"/>
      <c r="BF37" s="450"/>
      <c r="BG37" s="450"/>
      <c r="BH37" s="450"/>
      <c r="BI37" s="450"/>
      <c r="BJ37" s="450"/>
      <c r="BK37" s="450"/>
      <c r="BL37" s="450"/>
      <c r="BM37" s="134"/>
      <c r="BN37" s="134"/>
      <c r="BO37" s="134"/>
      <c r="BP37" s="134"/>
      <c r="BQ37" s="134"/>
      <c r="BR37" s="134"/>
      <c r="BS37" s="134"/>
      <c r="BT37" s="134"/>
      <c r="BU37" s="134"/>
      <c r="BX37" s="14"/>
      <c r="BY37" s="14"/>
      <c r="BZ37" s="14"/>
      <c r="CA37" s="14"/>
      <c r="CB37" s="14"/>
      <c r="CC37" s="14"/>
      <c r="CD37" s="14"/>
      <c r="CE37" s="14"/>
      <c r="CF37" s="14"/>
      <c r="CL37" s="427"/>
      <c r="CM37" s="427"/>
      <c r="CN37" s="427"/>
      <c r="CO37" s="427"/>
      <c r="CP37" s="427"/>
      <c r="CQ37" s="427"/>
      <c r="CR37" s="427"/>
      <c r="CW37" s="41"/>
      <c r="CX37" s="41"/>
      <c r="CY37" s="41"/>
      <c r="CZ37" s="41"/>
      <c r="DA37" s="41"/>
      <c r="DB37" s="426"/>
      <c r="DC37" s="426"/>
      <c r="DD37" s="426"/>
      <c r="DE37" s="426"/>
      <c r="DF37" s="426"/>
      <c r="DG37" s="426"/>
      <c r="DH37" s="426"/>
      <c r="DI37" s="426"/>
      <c r="DJ37" s="426"/>
      <c r="DK37" s="426"/>
      <c r="DL37" s="426"/>
      <c r="DM37" s="426"/>
      <c r="DN37" s="426"/>
      <c r="DO37" s="426"/>
      <c r="DP37" s="426"/>
      <c r="DQ37" s="426"/>
      <c r="DR37" s="426"/>
      <c r="DS37" s="426"/>
      <c r="DT37" s="426"/>
      <c r="DU37" s="426"/>
      <c r="DV37" s="426"/>
      <c r="DW37" s="426"/>
      <c r="DX37" s="426"/>
      <c r="DY37" s="426"/>
      <c r="DZ37" s="426"/>
      <c r="EA37" s="426"/>
      <c r="EB37" s="426"/>
      <c r="EC37" s="426"/>
      <c r="ED37" s="426"/>
      <c r="EE37" s="426"/>
      <c r="EF37" s="426"/>
      <c r="EG37" s="426"/>
      <c r="EH37" s="426"/>
      <c r="EI37" s="426"/>
      <c r="EJ37" s="426"/>
      <c r="EK37" s="426"/>
      <c r="EL37" s="426"/>
      <c r="EM37" s="426"/>
      <c r="EN37" s="426"/>
      <c r="EO37" s="426"/>
      <c r="EP37" s="426"/>
      <c r="EQ37" s="426"/>
      <c r="ER37" s="426"/>
      <c r="ES37" s="426"/>
      <c r="ET37" s="426"/>
      <c r="EU37" s="426"/>
    </row>
    <row r="38" spans="1:151" s="8" customFormat="1" ht="18.75" customHeight="1" x14ac:dyDescent="0.2">
      <c r="A38" s="450"/>
      <c r="B38" s="450"/>
      <c r="C38" s="450"/>
      <c r="D38" s="450"/>
      <c r="E38" s="450"/>
      <c r="F38" s="450"/>
      <c r="G38" s="450"/>
      <c r="H38" s="450"/>
      <c r="I38" s="450"/>
      <c r="J38" s="450"/>
      <c r="K38" s="450"/>
      <c r="L38" s="450"/>
      <c r="M38" s="450"/>
      <c r="N38" s="450"/>
      <c r="O38" s="450"/>
      <c r="P38" s="450"/>
      <c r="Q38" s="450"/>
      <c r="R38" s="450"/>
      <c r="S38" s="450"/>
      <c r="T38" s="450"/>
      <c r="U38" s="450"/>
      <c r="V38" s="450"/>
      <c r="W38" s="450"/>
      <c r="X38" s="450"/>
      <c r="Y38" s="450"/>
      <c r="Z38" s="450"/>
      <c r="AA38" s="450"/>
      <c r="AB38" s="450"/>
      <c r="AC38" s="450"/>
      <c r="AD38" s="450"/>
      <c r="AE38" s="450"/>
      <c r="AF38" s="450"/>
      <c r="AG38" s="450"/>
      <c r="AH38" s="450"/>
      <c r="AI38" s="450"/>
      <c r="AJ38" s="450"/>
      <c r="AK38" s="450"/>
      <c r="AL38" s="450"/>
      <c r="AM38" s="450"/>
      <c r="AN38" s="450"/>
      <c r="AO38" s="450"/>
      <c r="AP38" s="450"/>
      <c r="AQ38" s="450"/>
      <c r="AR38" s="450"/>
      <c r="AS38" s="450"/>
      <c r="AT38" s="450"/>
      <c r="AU38" s="450"/>
      <c r="AV38" s="450"/>
      <c r="AW38" s="450"/>
      <c r="AX38" s="450"/>
      <c r="AY38" s="450"/>
      <c r="AZ38" s="450"/>
      <c r="BA38" s="450"/>
      <c r="BB38" s="450"/>
      <c r="BC38" s="450"/>
      <c r="BD38" s="450"/>
      <c r="BE38" s="450"/>
      <c r="BF38" s="450"/>
      <c r="BG38" s="450"/>
      <c r="BH38" s="450"/>
      <c r="BI38" s="450"/>
      <c r="BJ38" s="450"/>
      <c r="BK38" s="450"/>
      <c r="BL38" s="450"/>
      <c r="BM38" s="134"/>
      <c r="BN38" s="134"/>
      <c r="BO38" s="134"/>
      <c r="BP38" s="134"/>
      <c r="BQ38" s="134"/>
      <c r="BR38" s="134"/>
      <c r="BS38" s="134"/>
      <c r="BT38" s="134"/>
      <c r="BU38" s="134"/>
      <c r="CE38" s="44"/>
      <c r="CF38" s="44"/>
      <c r="CH38" s="44"/>
      <c r="CI38" s="44"/>
      <c r="CJ38" s="44"/>
      <c r="CL38" s="428"/>
      <c r="CM38" s="428"/>
      <c r="CN38" s="428"/>
      <c r="CO38" s="428"/>
      <c r="CP38" s="428"/>
      <c r="CQ38" s="428"/>
      <c r="CR38" s="428"/>
      <c r="DB38" s="426"/>
      <c r="DC38" s="426"/>
      <c r="DD38" s="426"/>
      <c r="DE38" s="426"/>
      <c r="DF38" s="426"/>
      <c r="DG38" s="426"/>
      <c r="DH38" s="426"/>
      <c r="DI38" s="426"/>
      <c r="DJ38" s="426"/>
      <c r="DK38" s="426"/>
      <c r="DL38" s="426"/>
      <c r="DM38" s="426"/>
      <c r="DN38" s="426"/>
      <c r="DO38" s="426"/>
      <c r="DP38" s="426"/>
      <c r="DQ38" s="426"/>
      <c r="DR38" s="426"/>
      <c r="DS38" s="426"/>
      <c r="DT38" s="426"/>
      <c r="DU38" s="426"/>
      <c r="DV38" s="426"/>
      <c r="DW38" s="426"/>
      <c r="DX38" s="426"/>
      <c r="DY38" s="426"/>
      <c r="DZ38" s="426"/>
      <c r="EA38" s="426"/>
      <c r="EB38" s="426"/>
      <c r="EC38" s="426"/>
      <c r="ED38" s="426"/>
      <c r="EE38" s="426"/>
      <c r="EF38" s="426"/>
      <c r="EG38" s="426"/>
      <c r="EH38" s="426"/>
      <c r="EI38" s="426"/>
      <c r="EJ38" s="426"/>
      <c r="EK38" s="426"/>
      <c r="EL38" s="426"/>
      <c r="EM38" s="426"/>
      <c r="EN38" s="426"/>
      <c r="EO38" s="426"/>
      <c r="EP38" s="426"/>
      <c r="EQ38" s="426"/>
      <c r="ER38" s="426"/>
      <c r="ES38" s="426"/>
      <c r="ET38" s="426"/>
      <c r="EU38" s="426"/>
    </row>
    <row r="39" spans="1:151" s="8" customFormat="1" ht="9" customHeight="1" x14ac:dyDescent="0.55000000000000004">
      <c r="A39" s="493" t="s">
        <v>6</v>
      </c>
      <c r="B39" s="493"/>
      <c r="C39" s="493"/>
      <c r="D39" s="276" t="s">
        <v>46</v>
      </c>
      <c r="E39" s="276"/>
      <c r="F39" s="276"/>
      <c r="G39" s="276"/>
      <c r="H39" s="276"/>
      <c r="I39" s="276"/>
      <c r="J39" s="276"/>
      <c r="K39" s="276"/>
      <c r="L39" s="276"/>
      <c r="M39" s="276"/>
      <c r="N39" s="276"/>
      <c r="O39" s="276"/>
      <c r="P39" s="276"/>
      <c r="Q39" s="276"/>
      <c r="R39" s="276"/>
      <c r="S39" s="276"/>
      <c r="T39" s="276"/>
      <c r="U39" s="276"/>
      <c r="V39" s="276"/>
      <c r="W39" s="276"/>
      <c r="X39" s="276"/>
      <c r="Y39" s="276"/>
      <c r="Z39" s="276"/>
      <c r="AA39" s="276"/>
      <c r="AB39" s="276"/>
      <c r="AC39" s="276"/>
      <c r="AD39" s="276"/>
      <c r="AE39" s="276"/>
      <c r="AF39" s="276" t="s">
        <v>47</v>
      </c>
      <c r="AG39" s="276"/>
      <c r="AH39" s="276"/>
      <c r="AI39" s="276"/>
      <c r="AJ39" s="276"/>
      <c r="AK39" s="276"/>
      <c r="AL39" s="276"/>
      <c r="AM39" s="276"/>
      <c r="AN39" s="276"/>
      <c r="AO39" s="276"/>
      <c r="AP39" s="276"/>
      <c r="AQ39" s="276"/>
      <c r="AR39" s="276"/>
      <c r="AS39" s="276"/>
      <c r="AT39" s="276"/>
      <c r="AU39" s="276"/>
      <c r="AV39" s="308" t="s">
        <v>134</v>
      </c>
      <c r="AW39" s="308"/>
      <c r="AX39" s="308"/>
      <c r="AY39" s="308"/>
      <c r="AZ39" s="308"/>
      <c r="BA39" s="308"/>
      <c r="BB39" s="308"/>
      <c r="BC39" s="308"/>
      <c r="BD39" s="308"/>
      <c r="BE39" s="308"/>
      <c r="BF39" s="308"/>
      <c r="BG39" s="308"/>
      <c r="BH39" s="308"/>
      <c r="BI39" s="308"/>
      <c r="BJ39" s="308"/>
      <c r="BK39" s="308"/>
      <c r="BL39" s="308"/>
      <c r="BM39" s="308"/>
      <c r="BN39" s="423" t="s">
        <v>48</v>
      </c>
      <c r="BO39" s="423"/>
      <c r="BP39" s="423"/>
      <c r="BQ39" s="423"/>
      <c r="BR39" s="423"/>
      <c r="BS39" s="422" t="s">
        <v>49</v>
      </c>
      <c r="BT39" s="422"/>
      <c r="BU39" s="422"/>
      <c r="BV39" s="422"/>
      <c r="BW39" s="422"/>
      <c r="BX39" s="422"/>
      <c r="BY39" s="422"/>
      <c r="BZ39" s="422"/>
      <c r="CA39" s="422"/>
      <c r="CB39" s="422"/>
      <c r="CC39" s="422"/>
      <c r="CD39" s="422"/>
      <c r="CE39" s="422"/>
      <c r="CF39" s="422"/>
      <c r="CG39" s="422"/>
      <c r="CH39" s="422"/>
      <c r="CI39" s="422"/>
      <c r="CJ39" s="422"/>
      <c r="CK39" s="422"/>
      <c r="CL39" s="422"/>
      <c r="CM39" s="422"/>
      <c r="CN39" s="276" t="s">
        <v>50</v>
      </c>
      <c r="CO39" s="276"/>
      <c r="CP39" s="276"/>
      <c r="CQ39" s="276"/>
      <c r="CR39" s="276"/>
      <c r="DB39" s="426"/>
      <c r="DC39" s="426"/>
      <c r="DD39" s="426"/>
      <c r="DE39" s="426"/>
      <c r="DF39" s="426"/>
      <c r="DG39" s="426"/>
      <c r="DH39" s="426"/>
      <c r="DI39" s="426"/>
      <c r="DJ39" s="426"/>
      <c r="DK39" s="426"/>
      <c r="DL39" s="426"/>
      <c r="DM39" s="426"/>
      <c r="DN39" s="426"/>
      <c r="DO39" s="426"/>
      <c r="DP39" s="426"/>
      <c r="DQ39" s="426"/>
      <c r="DR39" s="426"/>
      <c r="DS39" s="426"/>
      <c r="DT39" s="426"/>
      <c r="DU39" s="426"/>
      <c r="DV39" s="426"/>
      <c r="DW39" s="426"/>
      <c r="DX39" s="426"/>
      <c r="DY39" s="426"/>
      <c r="DZ39" s="426"/>
      <c r="EA39" s="426"/>
      <c r="EB39" s="426"/>
      <c r="EC39" s="426"/>
      <c r="ED39" s="426"/>
      <c r="EE39" s="426"/>
      <c r="EF39" s="426"/>
      <c r="EG39" s="426"/>
      <c r="EH39" s="426"/>
      <c r="EI39" s="426"/>
      <c r="EJ39" s="426"/>
      <c r="EK39" s="426"/>
      <c r="EL39" s="426"/>
      <c r="EM39" s="426"/>
      <c r="EN39" s="426"/>
      <c r="EO39" s="426"/>
      <c r="EP39" s="426"/>
      <c r="EQ39" s="426"/>
      <c r="ER39" s="426"/>
      <c r="ES39" s="426"/>
      <c r="ET39" s="426"/>
      <c r="EU39" s="426"/>
    </row>
    <row r="40" spans="1:151" s="8" customFormat="1" ht="8.25" customHeight="1" x14ac:dyDescent="0.55000000000000004">
      <c r="A40" s="493"/>
      <c r="B40" s="493"/>
      <c r="C40" s="493"/>
      <c r="D40" s="276" t="s">
        <v>51</v>
      </c>
      <c r="E40" s="276"/>
      <c r="F40" s="276"/>
      <c r="G40" s="276"/>
      <c r="H40" s="276"/>
      <c r="I40" s="276"/>
      <c r="J40" s="276"/>
      <c r="K40" s="276"/>
      <c r="L40" s="276"/>
      <c r="M40" s="276"/>
      <c r="N40" s="276"/>
      <c r="O40" s="276"/>
      <c r="P40" s="276"/>
      <c r="Q40" s="276"/>
      <c r="R40" s="276"/>
      <c r="S40" s="276"/>
      <c r="T40" s="276"/>
      <c r="U40" s="276"/>
      <c r="V40" s="276"/>
      <c r="W40" s="276"/>
      <c r="X40" s="276"/>
      <c r="Y40" s="276"/>
      <c r="Z40" s="276"/>
      <c r="AA40" s="276"/>
      <c r="AB40" s="276"/>
      <c r="AC40" s="276"/>
      <c r="AD40" s="276"/>
      <c r="AE40" s="276"/>
      <c r="AF40" s="276"/>
      <c r="AG40" s="276"/>
      <c r="AH40" s="276"/>
      <c r="AI40" s="276"/>
      <c r="AJ40" s="276"/>
      <c r="AK40" s="276"/>
      <c r="AL40" s="276"/>
      <c r="AM40" s="276"/>
      <c r="AN40" s="276"/>
      <c r="AO40" s="276"/>
      <c r="AP40" s="276"/>
      <c r="AQ40" s="276"/>
      <c r="AR40" s="276"/>
      <c r="AS40" s="276"/>
      <c r="AT40" s="276"/>
      <c r="AU40" s="276"/>
      <c r="AV40" s="308"/>
      <c r="AW40" s="308"/>
      <c r="AX40" s="308"/>
      <c r="AY40" s="308"/>
      <c r="AZ40" s="308"/>
      <c r="BA40" s="308"/>
      <c r="BB40" s="308"/>
      <c r="BC40" s="308"/>
      <c r="BD40" s="308"/>
      <c r="BE40" s="308"/>
      <c r="BF40" s="308"/>
      <c r="BG40" s="308"/>
      <c r="BH40" s="308"/>
      <c r="BI40" s="308"/>
      <c r="BJ40" s="308"/>
      <c r="BK40" s="308"/>
      <c r="BL40" s="308"/>
      <c r="BM40" s="308"/>
      <c r="BN40" s="423"/>
      <c r="BO40" s="423"/>
      <c r="BP40" s="423"/>
      <c r="BQ40" s="423"/>
      <c r="BR40" s="423"/>
      <c r="BS40" s="422"/>
      <c r="BT40" s="422"/>
      <c r="BU40" s="422"/>
      <c r="BV40" s="422"/>
      <c r="BW40" s="422"/>
      <c r="BX40" s="422"/>
      <c r="BY40" s="422"/>
      <c r="BZ40" s="422"/>
      <c r="CA40" s="422"/>
      <c r="CB40" s="422"/>
      <c r="CC40" s="422"/>
      <c r="CD40" s="422"/>
      <c r="CE40" s="422"/>
      <c r="CF40" s="422"/>
      <c r="CG40" s="422"/>
      <c r="CH40" s="422"/>
      <c r="CI40" s="422"/>
      <c r="CJ40" s="422"/>
      <c r="CK40" s="422"/>
      <c r="CL40" s="422"/>
      <c r="CM40" s="422"/>
      <c r="CN40" s="276"/>
      <c r="CO40" s="276"/>
      <c r="CP40" s="276"/>
      <c r="CQ40" s="276"/>
      <c r="CR40" s="276"/>
      <c r="DB40" s="426"/>
      <c r="DC40" s="426"/>
      <c r="DD40" s="426"/>
      <c r="DE40" s="426"/>
      <c r="DF40" s="426"/>
      <c r="DG40" s="426"/>
      <c r="DH40" s="426"/>
      <c r="DI40" s="426"/>
      <c r="DJ40" s="426"/>
      <c r="DK40" s="426"/>
      <c r="DL40" s="426"/>
      <c r="DM40" s="426"/>
      <c r="DN40" s="426"/>
      <c r="DO40" s="426"/>
      <c r="DP40" s="426"/>
      <c r="DQ40" s="426"/>
      <c r="DR40" s="426"/>
      <c r="DS40" s="426"/>
      <c r="DT40" s="426"/>
      <c r="DU40" s="426"/>
      <c r="DV40" s="426"/>
      <c r="DW40" s="426"/>
      <c r="DX40" s="426"/>
      <c r="DY40" s="426"/>
      <c r="DZ40" s="426"/>
      <c r="EA40" s="426"/>
      <c r="EB40" s="426"/>
      <c r="EC40" s="426"/>
      <c r="ED40" s="426"/>
      <c r="EE40" s="426"/>
      <c r="EF40" s="426"/>
      <c r="EG40" s="426"/>
      <c r="EH40" s="426"/>
      <c r="EI40" s="426"/>
      <c r="EJ40" s="426"/>
      <c r="EK40" s="426"/>
      <c r="EL40" s="426"/>
      <c r="EM40" s="426"/>
      <c r="EN40" s="426"/>
      <c r="EO40" s="426"/>
      <c r="EP40" s="426"/>
      <c r="EQ40" s="426"/>
      <c r="ER40" s="426"/>
      <c r="ES40" s="426"/>
      <c r="ET40" s="426"/>
      <c r="EU40" s="426"/>
    </row>
    <row r="41" spans="1:151" s="8" customFormat="1" ht="8.25" customHeight="1" x14ac:dyDescent="0.55000000000000004">
      <c r="A41" s="493"/>
      <c r="B41" s="493"/>
      <c r="C41" s="493"/>
      <c r="D41" s="276"/>
      <c r="E41" s="276"/>
      <c r="F41" s="276"/>
      <c r="G41" s="276"/>
      <c r="H41" s="276"/>
      <c r="I41" s="276"/>
      <c r="J41" s="276"/>
      <c r="K41" s="276"/>
      <c r="L41" s="276"/>
      <c r="M41" s="276"/>
      <c r="N41" s="276"/>
      <c r="O41" s="276"/>
      <c r="P41" s="276"/>
      <c r="Q41" s="276"/>
      <c r="R41" s="276"/>
      <c r="S41" s="276"/>
      <c r="T41" s="276"/>
      <c r="U41" s="276"/>
      <c r="V41" s="276"/>
      <c r="W41" s="276"/>
      <c r="X41" s="276"/>
      <c r="Y41" s="276"/>
      <c r="Z41" s="276"/>
      <c r="AA41" s="276"/>
      <c r="AB41" s="276"/>
      <c r="AC41" s="276"/>
      <c r="AD41" s="276"/>
      <c r="AE41" s="276"/>
      <c r="AF41" s="276"/>
      <c r="AG41" s="276"/>
      <c r="AH41" s="276"/>
      <c r="AI41" s="276"/>
      <c r="AJ41" s="276"/>
      <c r="AK41" s="276"/>
      <c r="AL41" s="276"/>
      <c r="AM41" s="276"/>
      <c r="AN41" s="276"/>
      <c r="AO41" s="276"/>
      <c r="AP41" s="276"/>
      <c r="AQ41" s="276"/>
      <c r="AR41" s="276"/>
      <c r="AS41" s="276"/>
      <c r="AT41" s="276"/>
      <c r="AU41" s="276"/>
      <c r="AV41" s="308"/>
      <c r="AW41" s="308"/>
      <c r="AX41" s="308"/>
      <c r="AY41" s="308"/>
      <c r="AZ41" s="308"/>
      <c r="BA41" s="308"/>
      <c r="BB41" s="308"/>
      <c r="BC41" s="308"/>
      <c r="BD41" s="308"/>
      <c r="BE41" s="308"/>
      <c r="BF41" s="308"/>
      <c r="BG41" s="308"/>
      <c r="BH41" s="308"/>
      <c r="BI41" s="308"/>
      <c r="BJ41" s="308"/>
      <c r="BK41" s="308"/>
      <c r="BL41" s="308"/>
      <c r="BM41" s="308"/>
      <c r="BN41" s="423"/>
      <c r="BO41" s="423"/>
      <c r="BP41" s="423"/>
      <c r="BQ41" s="423"/>
      <c r="BR41" s="423"/>
      <c r="BS41" s="422"/>
      <c r="BT41" s="422"/>
      <c r="BU41" s="422"/>
      <c r="BV41" s="422"/>
      <c r="BW41" s="422"/>
      <c r="BX41" s="422"/>
      <c r="BY41" s="422"/>
      <c r="BZ41" s="422"/>
      <c r="CA41" s="422"/>
      <c r="CB41" s="422"/>
      <c r="CC41" s="422"/>
      <c r="CD41" s="422"/>
      <c r="CE41" s="422"/>
      <c r="CF41" s="422"/>
      <c r="CG41" s="422"/>
      <c r="CH41" s="422"/>
      <c r="CI41" s="422"/>
      <c r="CJ41" s="422"/>
      <c r="CK41" s="422"/>
      <c r="CL41" s="422"/>
      <c r="CM41" s="422"/>
      <c r="CN41" s="276"/>
      <c r="CO41" s="276"/>
      <c r="CP41" s="276"/>
      <c r="CQ41" s="276"/>
      <c r="CR41" s="276"/>
      <c r="DB41" s="426"/>
      <c r="DC41" s="426"/>
      <c r="DD41" s="426"/>
      <c r="DE41" s="426"/>
      <c r="DF41" s="426"/>
      <c r="DG41" s="426"/>
      <c r="DH41" s="426"/>
      <c r="DI41" s="426"/>
      <c r="DJ41" s="426"/>
      <c r="DK41" s="426"/>
      <c r="DL41" s="426"/>
      <c r="DM41" s="426"/>
      <c r="DN41" s="426"/>
      <c r="DO41" s="426"/>
      <c r="DP41" s="426"/>
      <c r="DQ41" s="426"/>
      <c r="DR41" s="426"/>
      <c r="DS41" s="426"/>
      <c r="DT41" s="426"/>
      <c r="DU41" s="426"/>
      <c r="DV41" s="426"/>
      <c r="DW41" s="426"/>
      <c r="DX41" s="426"/>
      <c r="DY41" s="426"/>
      <c r="DZ41" s="426"/>
      <c r="EA41" s="426"/>
      <c r="EB41" s="426"/>
      <c r="EC41" s="426"/>
      <c r="ED41" s="426"/>
      <c r="EE41" s="426"/>
      <c r="EF41" s="426"/>
      <c r="EG41" s="426"/>
      <c r="EH41" s="426"/>
      <c r="EI41" s="426"/>
      <c r="EJ41" s="426"/>
      <c r="EK41" s="426"/>
      <c r="EL41" s="426"/>
      <c r="EM41" s="426"/>
      <c r="EN41" s="426"/>
      <c r="EO41" s="426"/>
      <c r="EP41" s="426"/>
      <c r="EQ41" s="426"/>
      <c r="ER41" s="426"/>
      <c r="ES41" s="426"/>
      <c r="ET41" s="426"/>
      <c r="EU41" s="426"/>
    </row>
    <row r="42" spans="1:151" s="8" customFormat="1" ht="8.25" customHeight="1" x14ac:dyDescent="0.55000000000000004">
      <c r="A42" s="493"/>
      <c r="B42" s="493"/>
      <c r="C42" s="493"/>
      <c r="D42" s="276"/>
      <c r="E42" s="276"/>
      <c r="F42" s="276"/>
      <c r="G42" s="276"/>
      <c r="H42" s="276"/>
      <c r="I42" s="276"/>
      <c r="J42" s="276"/>
      <c r="K42" s="276"/>
      <c r="L42" s="276"/>
      <c r="M42" s="276"/>
      <c r="N42" s="276"/>
      <c r="O42" s="276"/>
      <c r="P42" s="276"/>
      <c r="Q42" s="276"/>
      <c r="R42" s="276"/>
      <c r="S42" s="276"/>
      <c r="T42" s="276"/>
      <c r="U42" s="276"/>
      <c r="V42" s="276"/>
      <c r="W42" s="276"/>
      <c r="X42" s="276"/>
      <c r="Y42" s="276"/>
      <c r="Z42" s="276"/>
      <c r="AA42" s="276"/>
      <c r="AB42" s="276"/>
      <c r="AC42" s="276"/>
      <c r="AD42" s="276"/>
      <c r="AE42" s="276"/>
      <c r="AF42" s="276"/>
      <c r="AG42" s="276"/>
      <c r="AH42" s="276"/>
      <c r="AI42" s="276"/>
      <c r="AJ42" s="276"/>
      <c r="AK42" s="276"/>
      <c r="AL42" s="276"/>
      <c r="AM42" s="276"/>
      <c r="AN42" s="276"/>
      <c r="AO42" s="276"/>
      <c r="AP42" s="276"/>
      <c r="AQ42" s="276"/>
      <c r="AR42" s="276"/>
      <c r="AS42" s="276"/>
      <c r="AT42" s="276"/>
      <c r="AU42" s="276"/>
      <c r="AV42" s="308"/>
      <c r="AW42" s="308"/>
      <c r="AX42" s="308"/>
      <c r="AY42" s="308"/>
      <c r="AZ42" s="308"/>
      <c r="BA42" s="308"/>
      <c r="BB42" s="308"/>
      <c r="BC42" s="308"/>
      <c r="BD42" s="308"/>
      <c r="BE42" s="308"/>
      <c r="BF42" s="308"/>
      <c r="BG42" s="308"/>
      <c r="BH42" s="308"/>
      <c r="BI42" s="308"/>
      <c r="BJ42" s="308"/>
      <c r="BK42" s="308"/>
      <c r="BL42" s="308"/>
      <c r="BM42" s="308"/>
      <c r="BN42" s="423"/>
      <c r="BO42" s="423"/>
      <c r="BP42" s="423"/>
      <c r="BQ42" s="423"/>
      <c r="BR42" s="423"/>
      <c r="BS42" s="422"/>
      <c r="BT42" s="422"/>
      <c r="BU42" s="422"/>
      <c r="BV42" s="422"/>
      <c r="BW42" s="422"/>
      <c r="BX42" s="422"/>
      <c r="BY42" s="422"/>
      <c r="BZ42" s="422"/>
      <c r="CA42" s="422"/>
      <c r="CB42" s="422"/>
      <c r="CC42" s="422"/>
      <c r="CD42" s="422"/>
      <c r="CE42" s="422"/>
      <c r="CF42" s="422"/>
      <c r="CG42" s="422"/>
      <c r="CH42" s="422"/>
      <c r="CI42" s="422"/>
      <c r="CJ42" s="422"/>
      <c r="CK42" s="422"/>
      <c r="CL42" s="422"/>
      <c r="CM42" s="422"/>
      <c r="CN42" s="276"/>
      <c r="CO42" s="276"/>
      <c r="CP42" s="276"/>
      <c r="CQ42" s="276"/>
      <c r="CR42" s="276"/>
      <c r="DB42" s="426"/>
      <c r="DC42" s="426"/>
      <c r="DD42" s="426"/>
      <c r="DE42" s="426"/>
      <c r="DF42" s="426"/>
      <c r="DG42" s="426"/>
      <c r="DH42" s="426"/>
      <c r="DI42" s="426"/>
      <c r="DJ42" s="426"/>
      <c r="DK42" s="426"/>
      <c r="DL42" s="426"/>
      <c r="DM42" s="426"/>
      <c r="DN42" s="426"/>
      <c r="DO42" s="426"/>
      <c r="DP42" s="426"/>
      <c r="DQ42" s="426"/>
      <c r="DR42" s="426"/>
      <c r="DS42" s="426"/>
      <c r="DT42" s="426"/>
      <c r="DU42" s="426"/>
      <c r="DV42" s="426"/>
      <c r="DW42" s="426"/>
      <c r="DX42" s="426"/>
      <c r="DY42" s="426"/>
      <c r="DZ42" s="426"/>
      <c r="EA42" s="426"/>
      <c r="EB42" s="426"/>
      <c r="EC42" s="426"/>
      <c r="ED42" s="426"/>
      <c r="EE42" s="426"/>
      <c r="EF42" s="426"/>
      <c r="EG42" s="426"/>
      <c r="EH42" s="426"/>
      <c r="EI42" s="426"/>
      <c r="EJ42" s="426"/>
      <c r="EK42" s="426"/>
      <c r="EL42" s="426"/>
      <c r="EM42" s="426"/>
      <c r="EN42" s="426"/>
      <c r="EO42" s="426"/>
      <c r="EP42" s="426"/>
      <c r="EQ42" s="426"/>
      <c r="ER42" s="426"/>
      <c r="ES42" s="426"/>
      <c r="ET42" s="426"/>
      <c r="EU42" s="426"/>
    </row>
    <row r="43" spans="1:151" s="8" customFormat="1" ht="8.25" customHeight="1" x14ac:dyDescent="0.55000000000000004">
      <c r="A43" s="494"/>
      <c r="B43" s="494"/>
      <c r="C43" s="494"/>
      <c r="D43" s="276"/>
      <c r="E43" s="276"/>
      <c r="F43" s="276"/>
      <c r="G43" s="276"/>
      <c r="H43" s="276"/>
      <c r="I43" s="276"/>
      <c r="J43" s="276"/>
      <c r="K43" s="276"/>
      <c r="L43" s="276"/>
      <c r="M43" s="276"/>
      <c r="N43" s="276"/>
      <c r="O43" s="276"/>
      <c r="P43" s="276"/>
      <c r="Q43" s="276"/>
      <c r="R43" s="276"/>
      <c r="S43" s="276"/>
      <c r="T43" s="276"/>
      <c r="U43" s="276"/>
      <c r="V43" s="276"/>
      <c r="W43" s="276"/>
      <c r="X43" s="276"/>
      <c r="Y43" s="276"/>
      <c r="Z43" s="276"/>
      <c r="AA43" s="276"/>
      <c r="AB43" s="276"/>
      <c r="AC43" s="276"/>
      <c r="AD43" s="276"/>
      <c r="AE43" s="276"/>
      <c r="AF43" s="276"/>
      <c r="AG43" s="276"/>
      <c r="AH43" s="276"/>
      <c r="AI43" s="276"/>
      <c r="AJ43" s="276"/>
      <c r="AK43" s="276"/>
      <c r="AL43" s="276"/>
      <c r="AM43" s="276"/>
      <c r="AN43" s="276"/>
      <c r="AO43" s="276"/>
      <c r="AP43" s="276"/>
      <c r="AQ43" s="276"/>
      <c r="AR43" s="276"/>
      <c r="AS43" s="276"/>
      <c r="AT43" s="276"/>
      <c r="AU43" s="276"/>
      <c r="AV43" s="308"/>
      <c r="AW43" s="308"/>
      <c r="AX43" s="308"/>
      <c r="AY43" s="308"/>
      <c r="AZ43" s="308"/>
      <c r="BA43" s="308"/>
      <c r="BB43" s="308"/>
      <c r="BC43" s="308"/>
      <c r="BD43" s="308"/>
      <c r="BE43" s="308"/>
      <c r="BF43" s="308"/>
      <c r="BG43" s="308"/>
      <c r="BH43" s="308"/>
      <c r="BI43" s="308"/>
      <c r="BJ43" s="308"/>
      <c r="BK43" s="308"/>
      <c r="BL43" s="308"/>
      <c r="BM43" s="308"/>
      <c r="BN43" s="424"/>
      <c r="BO43" s="424"/>
      <c r="BP43" s="424"/>
      <c r="BQ43" s="424"/>
      <c r="BR43" s="424"/>
      <c r="BS43" s="422"/>
      <c r="BT43" s="422"/>
      <c r="BU43" s="422"/>
      <c r="BV43" s="422"/>
      <c r="BW43" s="422"/>
      <c r="BX43" s="422"/>
      <c r="BY43" s="422"/>
      <c r="BZ43" s="422"/>
      <c r="CA43" s="422"/>
      <c r="CB43" s="422"/>
      <c r="CC43" s="422"/>
      <c r="CD43" s="422"/>
      <c r="CE43" s="422"/>
      <c r="CF43" s="422"/>
      <c r="CG43" s="422"/>
      <c r="CH43" s="422"/>
      <c r="CI43" s="422"/>
      <c r="CJ43" s="422"/>
      <c r="CK43" s="422"/>
      <c r="CL43" s="422"/>
      <c r="CM43" s="422"/>
      <c r="CN43" s="276"/>
      <c r="CO43" s="276"/>
      <c r="CP43" s="276"/>
      <c r="CQ43" s="276"/>
      <c r="CR43" s="276"/>
      <c r="DB43" s="426"/>
      <c r="DC43" s="426"/>
      <c r="DD43" s="426"/>
      <c r="DE43" s="426"/>
      <c r="DF43" s="426"/>
      <c r="DG43" s="426"/>
      <c r="DH43" s="426"/>
      <c r="DI43" s="426"/>
      <c r="DJ43" s="426"/>
      <c r="DK43" s="426"/>
      <c r="DL43" s="426"/>
      <c r="DM43" s="426"/>
      <c r="DN43" s="426"/>
      <c r="DO43" s="426"/>
      <c r="DP43" s="426"/>
      <c r="DQ43" s="426"/>
      <c r="DR43" s="426"/>
      <c r="DS43" s="426"/>
      <c r="DT43" s="426"/>
      <c r="DU43" s="426"/>
      <c r="DV43" s="426"/>
      <c r="DW43" s="426"/>
      <c r="DX43" s="426"/>
      <c r="DY43" s="426"/>
      <c r="DZ43" s="426"/>
      <c r="EA43" s="426"/>
      <c r="EB43" s="426"/>
      <c r="EC43" s="426"/>
      <c r="ED43" s="426"/>
      <c r="EE43" s="426"/>
      <c r="EF43" s="426"/>
      <c r="EG43" s="426"/>
      <c r="EH43" s="426"/>
      <c r="EI43" s="426"/>
      <c r="EJ43" s="426"/>
      <c r="EK43" s="426"/>
      <c r="EL43" s="426"/>
      <c r="EM43" s="426"/>
      <c r="EN43" s="426"/>
      <c r="EO43" s="426"/>
      <c r="EP43" s="426"/>
      <c r="EQ43" s="426"/>
      <c r="ER43" s="426"/>
      <c r="ES43" s="426"/>
      <c r="ET43" s="426"/>
      <c r="EU43" s="426"/>
    </row>
    <row r="44" spans="1:151" s="8" customFormat="1" ht="8.25" customHeight="1" x14ac:dyDescent="0.55000000000000004">
      <c r="A44" s="495"/>
      <c r="B44" s="495"/>
      <c r="C44" s="495"/>
      <c r="D44" s="276"/>
      <c r="E44" s="276"/>
      <c r="F44" s="276"/>
      <c r="G44" s="276"/>
      <c r="H44" s="276"/>
      <c r="I44" s="276"/>
      <c r="J44" s="276"/>
      <c r="K44" s="276"/>
      <c r="L44" s="276"/>
      <c r="M44" s="276"/>
      <c r="N44" s="276"/>
      <c r="O44" s="276"/>
      <c r="P44" s="276"/>
      <c r="Q44" s="276"/>
      <c r="R44" s="276"/>
      <c r="S44" s="276"/>
      <c r="T44" s="276"/>
      <c r="U44" s="276"/>
      <c r="V44" s="276"/>
      <c r="W44" s="276"/>
      <c r="X44" s="276"/>
      <c r="Y44" s="276"/>
      <c r="Z44" s="276"/>
      <c r="AA44" s="276"/>
      <c r="AB44" s="276"/>
      <c r="AC44" s="276"/>
      <c r="AD44" s="276"/>
      <c r="AE44" s="276"/>
      <c r="AF44" s="276"/>
      <c r="AG44" s="276"/>
      <c r="AH44" s="276"/>
      <c r="AI44" s="276"/>
      <c r="AJ44" s="276"/>
      <c r="AK44" s="276"/>
      <c r="AL44" s="276"/>
      <c r="AM44" s="276"/>
      <c r="AN44" s="276"/>
      <c r="AO44" s="276"/>
      <c r="AP44" s="276"/>
      <c r="AQ44" s="276"/>
      <c r="AR44" s="276"/>
      <c r="AS44" s="276"/>
      <c r="AT44" s="276"/>
      <c r="AU44" s="276"/>
      <c r="AV44" s="308"/>
      <c r="AW44" s="308"/>
      <c r="AX44" s="308"/>
      <c r="AY44" s="308"/>
      <c r="AZ44" s="308"/>
      <c r="BA44" s="308"/>
      <c r="BB44" s="308"/>
      <c r="BC44" s="308"/>
      <c r="BD44" s="308"/>
      <c r="BE44" s="308"/>
      <c r="BF44" s="308"/>
      <c r="BG44" s="308"/>
      <c r="BH44" s="308"/>
      <c r="BI44" s="308"/>
      <c r="BJ44" s="308"/>
      <c r="BK44" s="308"/>
      <c r="BL44" s="308"/>
      <c r="BM44" s="308"/>
      <c r="BN44" s="425"/>
      <c r="BO44" s="425"/>
      <c r="BP44" s="425"/>
      <c r="BQ44" s="425"/>
      <c r="BR44" s="425"/>
      <c r="BS44" s="422"/>
      <c r="BT44" s="422"/>
      <c r="BU44" s="422"/>
      <c r="BV44" s="422"/>
      <c r="BW44" s="422"/>
      <c r="BX44" s="422"/>
      <c r="BY44" s="422"/>
      <c r="BZ44" s="422"/>
      <c r="CA44" s="422"/>
      <c r="CB44" s="422"/>
      <c r="CC44" s="422"/>
      <c r="CD44" s="422"/>
      <c r="CE44" s="422"/>
      <c r="CF44" s="422"/>
      <c r="CG44" s="422"/>
      <c r="CH44" s="422"/>
      <c r="CI44" s="422"/>
      <c r="CJ44" s="422"/>
      <c r="CK44" s="422"/>
      <c r="CL44" s="422"/>
      <c r="CM44" s="422"/>
      <c r="CN44" s="276"/>
      <c r="CO44" s="276"/>
      <c r="CP44" s="276"/>
      <c r="CQ44" s="276"/>
      <c r="CR44" s="276"/>
      <c r="DB44" s="426"/>
      <c r="DC44" s="426"/>
      <c r="DD44" s="426"/>
      <c r="DE44" s="426"/>
      <c r="DF44" s="426"/>
      <c r="DG44" s="426"/>
      <c r="DH44" s="426"/>
      <c r="DI44" s="426"/>
      <c r="DJ44" s="426"/>
      <c r="DK44" s="426"/>
      <c r="DL44" s="426"/>
      <c r="DM44" s="426"/>
      <c r="DN44" s="426"/>
      <c r="DO44" s="426"/>
      <c r="DP44" s="426"/>
      <c r="DQ44" s="426"/>
      <c r="DR44" s="426"/>
      <c r="DS44" s="426"/>
      <c r="DT44" s="426"/>
      <c r="DU44" s="426"/>
      <c r="DV44" s="426"/>
      <c r="DW44" s="426"/>
      <c r="DX44" s="426"/>
      <c r="DY44" s="426"/>
      <c r="DZ44" s="426"/>
      <c r="EA44" s="426"/>
      <c r="EB44" s="426"/>
      <c r="EC44" s="426"/>
      <c r="ED44" s="426"/>
      <c r="EE44" s="426"/>
      <c r="EF44" s="426"/>
      <c r="EG44" s="426"/>
      <c r="EH44" s="426"/>
      <c r="EI44" s="426"/>
      <c r="EJ44" s="426"/>
      <c r="EK44" s="426"/>
      <c r="EL44" s="426"/>
      <c r="EM44" s="426"/>
      <c r="EN44" s="426"/>
      <c r="EO44" s="426"/>
      <c r="EP44" s="426"/>
      <c r="EQ44" s="426"/>
      <c r="ER44" s="426"/>
      <c r="ES44" s="426"/>
      <c r="ET44" s="426"/>
      <c r="EU44" s="426"/>
    </row>
    <row r="45" spans="1:151" s="8" customFormat="1" ht="16" customHeight="1" x14ac:dyDescent="0.55000000000000004">
      <c r="A45" s="357" t="s">
        <v>52</v>
      </c>
      <c r="B45" s="358"/>
      <c r="C45" s="359"/>
      <c r="D45" s="341"/>
      <c r="E45" s="342"/>
      <c r="F45" s="342"/>
      <c r="G45" s="342"/>
      <c r="H45" s="342"/>
      <c r="I45" s="342"/>
      <c r="J45" s="342"/>
      <c r="K45" s="342"/>
      <c r="L45" s="342"/>
      <c r="M45" s="342"/>
      <c r="N45" s="342"/>
      <c r="O45" s="342"/>
      <c r="P45" s="342"/>
      <c r="Q45" s="342"/>
      <c r="R45" s="342"/>
      <c r="S45" s="342"/>
      <c r="T45" s="342"/>
      <c r="U45" s="342"/>
      <c r="V45" s="342"/>
      <c r="W45" s="342"/>
      <c r="X45" s="342"/>
      <c r="Y45" s="342"/>
      <c r="Z45" s="342"/>
      <c r="AA45" s="342"/>
      <c r="AB45" s="342"/>
      <c r="AC45" s="342"/>
      <c r="AD45" s="342"/>
      <c r="AE45" s="343"/>
      <c r="AF45" s="344"/>
      <c r="AG45" s="345"/>
      <c r="AH45" s="477" t="s">
        <v>141</v>
      </c>
      <c r="AI45" s="478"/>
      <c r="AJ45" s="481" t="s">
        <v>185</v>
      </c>
      <c r="AK45" s="481"/>
      <c r="AL45" s="481"/>
      <c r="AM45" s="481"/>
      <c r="AN45" s="481" t="s">
        <v>186</v>
      </c>
      <c r="AO45" s="481"/>
      <c r="AP45" s="481"/>
      <c r="AQ45" s="481"/>
      <c r="AR45" s="481" t="s">
        <v>187</v>
      </c>
      <c r="AS45" s="481"/>
      <c r="AT45" s="481"/>
      <c r="AU45" s="483"/>
      <c r="AV45" s="329"/>
      <c r="AW45" s="330"/>
      <c r="AX45" s="330"/>
      <c r="AY45" s="330"/>
      <c r="AZ45" s="330"/>
      <c r="BA45" s="330"/>
      <c r="BB45" s="335" t="s">
        <v>131</v>
      </c>
      <c r="BC45" s="335"/>
      <c r="BD45" s="330"/>
      <c r="BE45" s="330"/>
      <c r="BF45" s="330"/>
      <c r="BG45" s="330" t="s">
        <v>133</v>
      </c>
      <c r="BH45" s="330"/>
      <c r="BI45" s="330"/>
      <c r="BJ45" s="330"/>
      <c r="BK45" s="330"/>
      <c r="BL45" s="330" t="s">
        <v>132</v>
      </c>
      <c r="BM45" s="338"/>
      <c r="BN45" s="323" t="s">
        <v>189</v>
      </c>
      <c r="BO45" s="324"/>
      <c r="BP45" s="324"/>
      <c r="BQ45" s="324"/>
      <c r="BR45" s="324"/>
      <c r="BS45" s="366"/>
      <c r="BT45" s="366"/>
      <c r="BU45" s="366"/>
      <c r="BV45" s="366"/>
      <c r="BW45" s="366"/>
      <c r="BX45" s="366"/>
      <c r="BY45" s="366"/>
      <c r="BZ45" s="366"/>
      <c r="CA45" s="366"/>
      <c r="CB45" s="366"/>
      <c r="CC45" s="366"/>
      <c r="CD45" s="366"/>
      <c r="CE45" s="366"/>
      <c r="CF45" s="366"/>
      <c r="CG45" s="366"/>
      <c r="CH45" s="366"/>
      <c r="CI45" s="366"/>
      <c r="CJ45" s="366"/>
      <c r="CK45" s="366"/>
      <c r="CL45" s="366"/>
      <c r="CM45" s="366"/>
      <c r="CN45" s="323" t="s">
        <v>190</v>
      </c>
      <c r="CO45" s="323"/>
      <c r="CP45" s="323"/>
      <c r="CQ45" s="323"/>
      <c r="CR45" s="323"/>
      <c r="DB45" s="426"/>
      <c r="DC45" s="426"/>
      <c r="DD45" s="426"/>
      <c r="DE45" s="426"/>
      <c r="DF45" s="426"/>
      <c r="DG45" s="426"/>
      <c r="DH45" s="426"/>
      <c r="DI45" s="426"/>
      <c r="DJ45" s="426"/>
      <c r="DK45" s="426"/>
      <c r="DL45" s="426"/>
      <c r="DM45" s="426"/>
      <c r="DN45" s="426"/>
      <c r="DO45" s="426"/>
      <c r="DP45" s="426"/>
      <c r="DQ45" s="426"/>
      <c r="DR45" s="426"/>
      <c r="DS45" s="426"/>
      <c r="DT45" s="426"/>
      <c r="DU45" s="426"/>
      <c r="DV45" s="426"/>
      <c r="DW45" s="426"/>
      <c r="DX45" s="426"/>
      <c r="DY45" s="426"/>
      <c r="DZ45" s="426"/>
      <c r="EA45" s="426"/>
      <c r="EB45" s="426"/>
      <c r="EC45" s="426"/>
      <c r="ED45" s="426"/>
      <c r="EE45" s="426"/>
      <c r="EF45" s="426"/>
      <c r="EG45" s="426"/>
      <c r="EH45" s="426"/>
      <c r="EI45" s="426"/>
      <c r="EJ45" s="426"/>
      <c r="EK45" s="426"/>
      <c r="EL45" s="426"/>
      <c r="EM45" s="426"/>
      <c r="EN45" s="426"/>
      <c r="EO45" s="426"/>
      <c r="EP45" s="426"/>
      <c r="EQ45" s="426"/>
      <c r="ER45" s="426"/>
      <c r="ES45" s="426"/>
      <c r="ET45" s="426"/>
      <c r="EU45" s="426"/>
    </row>
    <row r="46" spans="1:151" s="8" customFormat="1" ht="8.15" customHeight="1" x14ac:dyDescent="0.55000000000000004">
      <c r="A46" s="360"/>
      <c r="B46" s="361"/>
      <c r="C46" s="362"/>
      <c r="D46" s="314"/>
      <c r="E46" s="315"/>
      <c r="F46" s="315"/>
      <c r="G46" s="315"/>
      <c r="H46" s="315"/>
      <c r="I46" s="315"/>
      <c r="J46" s="315"/>
      <c r="K46" s="315"/>
      <c r="L46" s="315"/>
      <c r="M46" s="315"/>
      <c r="N46" s="315"/>
      <c r="O46" s="315"/>
      <c r="P46" s="315"/>
      <c r="Q46" s="315"/>
      <c r="R46" s="315"/>
      <c r="S46" s="315"/>
      <c r="T46" s="315"/>
      <c r="U46" s="315"/>
      <c r="V46" s="315"/>
      <c r="W46" s="315"/>
      <c r="X46" s="315"/>
      <c r="Y46" s="315"/>
      <c r="Z46" s="315"/>
      <c r="AA46" s="315"/>
      <c r="AB46" s="315"/>
      <c r="AC46" s="315"/>
      <c r="AD46" s="315"/>
      <c r="AE46" s="316"/>
      <c r="AF46" s="346"/>
      <c r="AG46" s="347"/>
      <c r="AH46" s="479"/>
      <c r="AI46" s="480"/>
      <c r="AJ46" s="482"/>
      <c r="AK46" s="482"/>
      <c r="AL46" s="482"/>
      <c r="AM46" s="482"/>
      <c r="AN46" s="482"/>
      <c r="AO46" s="482"/>
      <c r="AP46" s="482"/>
      <c r="AQ46" s="482"/>
      <c r="AR46" s="482"/>
      <c r="AS46" s="482"/>
      <c r="AT46" s="482"/>
      <c r="AU46" s="484"/>
      <c r="AV46" s="331"/>
      <c r="AW46" s="332"/>
      <c r="AX46" s="332"/>
      <c r="AY46" s="332"/>
      <c r="AZ46" s="332"/>
      <c r="BA46" s="332"/>
      <c r="BB46" s="336"/>
      <c r="BC46" s="336"/>
      <c r="BD46" s="332"/>
      <c r="BE46" s="332"/>
      <c r="BF46" s="332"/>
      <c r="BG46" s="332"/>
      <c r="BH46" s="332"/>
      <c r="BI46" s="332"/>
      <c r="BJ46" s="332"/>
      <c r="BK46" s="332"/>
      <c r="BL46" s="332"/>
      <c r="BM46" s="339"/>
      <c r="BN46" s="325"/>
      <c r="BO46" s="325"/>
      <c r="BP46" s="325"/>
      <c r="BQ46" s="325"/>
      <c r="BR46" s="325"/>
      <c r="BS46" s="367"/>
      <c r="BT46" s="367"/>
      <c r="BU46" s="367"/>
      <c r="BV46" s="367"/>
      <c r="BW46" s="367"/>
      <c r="BX46" s="367"/>
      <c r="BY46" s="367"/>
      <c r="BZ46" s="367"/>
      <c r="CA46" s="367"/>
      <c r="CB46" s="367"/>
      <c r="CC46" s="367"/>
      <c r="CD46" s="367"/>
      <c r="CE46" s="367"/>
      <c r="CF46" s="367"/>
      <c r="CG46" s="367"/>
      <c r="CH46" s="367"/>
      <c r="CI46" s="367"/>
      <c r="CJ46" s="367"/>
      <c r="CK46" s="367"/>
      <c r="CL46" s="367"/>
      <c r="CM46" s="367"/>
      <c r="CN46" s="327"/>
      <c r="CO46" s="327"/>
      <c r="CP46" s="327"/>
      <c r="CQ46" s="327"/>
      <c r="CR46" s="327"/>
      <c r="DB46" s="426"/>
      <c r="DC46" s="426"/>
      <c r="DD46" s="426"/>
      <c r="DE46" s="426"/>
      <c r="DF46" s="426"/>
      <c r="DG46" s="426"/>
      <c r="DH46" s="426"/>
      <c r="DI46" s="426"/>
      <c r="DJ46" s="426"/>
      <c r="DK46" s="426"/>
      <c r="DL46" s="426"/>
      <c r="DM46" s="426"/>
      <c r="DN46" s="426"/>
      <c r="DO46" s="426"/>
      <c r="DP46" s="426"/>
      <c r="DQ46" s="426"/>
      <c r="DR46" s="426"/>
      <c r="DS46" s="426"/>
      <c r="DT46" s="426"/>
      <c r="DU46" s="426"/>
      <c r="DV46" s="426"/>
      <c r="DW46" s="426"/>
      <c r="DX46" s="426"/>
      <c r="DY46" s="426"/>
      <c r="DZ46" s="426"/>
      <c r="EA46" s="426"/>
      <c r="EB46" s="426"/>
      <c r="EC46" s="426"/>
      <c r="ED46" s="426"/>
      <c r="EE46" s="426"/>
      <c r="EF46" s="426"/>
      <c r="EG46" s="426"/>
      <c r="EH46" s="426"/>
      <c r="EI46" s="426"/>
      <c r="EJ46" s="426"/>
      <c r="EK46" s="426"/>
      <c r="EL46" s="426"/>
      <c r="EM46" s="426"/>
      <c r="EN46" s="426"/>
      <c r="EO46" s="426"/>
      <c r="EP46" s="426"/>
      <c r="EQ46" s="426"/>
      <c r="ER46" s="426"/>
      <c r="ES46" s="426"/>
      <c r="ET46" s="426"/>
      <c r="EU46" s="426"/>
    </row>
    <row r="47" spans="1:151" s="8" customFormat="1" ht="8.25" customHeight="1" x14ac:dyDescent="0.55000000000000004">
      <c r="A47" s="360"/>
      <c r="B47" s="361"/>
      <c r="C47" s="362"/>
      <c r="D47" s="317"/>
      <c r="E47" s="318"/>
      <c r="F47" s="318"/>
      <c r="G47" s="318"/>
      <c r="H47" s="318"/>
      <c r="I47" s="318"/>
      <c r="J47" s="318"/>
      <c r="K47" s="318"/>
      <c r="L47" s="318"/>
      <c r="M47" s="318"/>
      <c r="N47" s="318"/>
      <c r="O47" s="318"/>
      <c r="P47" s="318"/>
      <c r="Q47" s="318"/>
      <c r="R47" s="318"/>
      <c r="S47" s="318"/>
      <c r="T47" s="318"/>
      <c r="U47" s="318"/>
      <c r="V47" s="318"/>
      <c r="W47" s="318"/>
      <c r="X47" s="318"/>
      <c r="Y47" s="318"/>
      <c r="Z47" s="318"/>
      <c r="AA47" s="318"/>
      <c r="AB47" s="318"/>
      <c r="AC47" s="318"/>
      <c r="AD47" s="318"/>
      <c r="AE47" s="319"/>
      <c r="AF47" s="464" t="s">
        <v>188</v>
      </c>
      <c r="AG47" s="465"/>
      <c r="AH47" s="465"/>
      <c r="AI47" s="465"/>
      <c r="AJ47" s="465"/>
      <c r="AK47" s="465"/>
      <c r="AL47" s="465" t="s">
        <v>142</v>
      </c>
      <c r="AM47" s="465"/>
      <c r="AN47" s="465"/>
      <c r="AO47" s="465"/>
      <c r="AP47" s="465"/>
      <c r="AQ47" s="465"/>
      <c r="AR47" s="465"/>
      <c r="AS47" s="465"/>
      <c r="AT47" s="465"/>
      <c r="AU47" s="468"/>
      <c r="AV47" s="331"/>
      <c r="AW47" s="332"/>
      <c r="AX47" s="332"/>
      <c r="AY47" s="332"/>
      <c r="AZ47" s="332"/>
      <c r="BA47" s="332"/>
      <c r="BB47" s="336"/>
      <c r="BC47" s="336"/>
      <c r="BD47" s="332"/>
      <c r="BE47" s="332"/>
      <c r="BF47" s="332"/>
      <c r="BG47" s="332"/>
      <c r="BH47" s="332"/>
      <c r="BI47" s="332"/>
      <c r="BJ47" s="332"/>
      <c r="BK47" s="332"/>
      <c r="BL47" s="332"/>
      <c r="BM47" s="339"/>
      <c r="BN47" s="325"/>
      <c r="BO47" s="325"/>
      <c r="BP47" s="325"/>
      <c r="BQ47" s="325"/>
      <c r="BR47" s="325"/>
      <c r="BS47" s="367"/>
      <c r="BT47" s="367"/>
      <c r="BU47" s="367"/>
      <c r="BV47" s="367"/>
      <c r="BW47" s="367"/>
      <c r="BX47" s="367"/>
      <c r="BY47" s="367"/>
      <c r="BZ47" s="367"/>
      <c r="CA47" s="367"/>
      <c r="CB47" s="367"/>
      <c r="CC47" s="367"/>
      <c r="CD47" s="367"/>
      <c r="CE47" s="367"/>
      <c r="CF47" s="367"/>
      <c r="CG47" s="367"/>
      <c r="CH47" s="367"/>
      <c r="CI47" s="367"/>
      <c r="CJ47" s="367"/>
      <c r="CK47" s="367"/>
      <c r="CL47" s="367"/>
      <c r="CM47" s="367"/>
      <c r="CN47" s="327"/>
      <c r="CO47" s="327"/>
      <c r="CP47" s="327"/>
      <c r="CQ47" s="327"/>
      <c r="CR47" s="327"/>
      <c r="DB47" s="426"/>
      <c r="DC47" s="426"/>
      <c r="DD47" s="426"/>
      <c r="DE47" s="426"/>
      <c r="DF47" s="426"/>
      <c r="DG47" s="426"/>
      <c r="DH47" s="426"/>
      <c r="DI47" s="426"/>
      <c r="DJ47" s="426"/>
      <c r="DK47" s="426"/>
      <c r="DL47" s="426"/>
      <c r="DM47" s="426"/>
      <c r="DN47" s="426"/>
      <c r="DO47" s="426"/>
      <c r="DP47" s="426"/>
      <c r="DQ47" s="426"/>
      <c r="DR47" s="426"/>
      <c r="DS47" s="426"/>
      <c r="DT47" s="426"/>
      <c r="DU47" s="426"/>
      <c r="DV47" s="426"/>
      <c r="DW47" s="426"/>
      <c r="DX47" s="426"/>
      <c r="DY47" s="426"/>
      <c r="DZ47" s="426"/>
      <c r="EA47" s="426"/>
      <c r="EB47" s="426"/>
      <c r="EC47" s="426"/>
      <c r="ED47" s="426"/>
      <c r="EE47" s="426"/>
      <c r="EF47" s="426"/>
      <c r="EG47" s="426"/>
      <c r="EH47" s="426"/>
      <c r="EI47" s="426"/>
      <c r="EJ47" s="426"/>
      <c r="EK47" s="426"/>
      <c r="EL47" s="426"/>
      <c r="EM47" s="426"/>
      <c r="EN47" s="426"/>
      <c r="EO47" s="426"/>
      <c r="EP47" s="426"/>
      <c r="EQ47" s="426"/>
      <c r="ER47" s="426"/>
      <c r="ES47" s="426"/>
      <c r="ET47" s="426"/>
      <c r="EU47" s="426"/>
    </row>
    <row r="48" spans="1:151" s="8" customFormat="1" ht="8.25" customHeight="1" x14ac:dyDescent="0.55000000000000004">
      <c r="A48" s="360"/>
      <c r="B48" s="361"/>
      <c r="C48" s="362"/>
      <c r="D48" s="317"/>
      <c r="E48" s="318"/>
      <c r="F48" s="318"/>
      <c r="G48" s="318"/>
      <c r="H48" s="318"/>
      <c r="I48" s="318"/>
      <c r="J48" s="318"/>
      <c r="K48" s="318"/>
      <c r="L48" s="318"/>
      <c r="M48" s="318"/>
      <c r="N48" s="318"/>
      <c r="O48" s="318"/>
      <c r="P48" s="318"/>
      <c r="Q48" s="318"/>
      <c r="R48" s="318"/>
      <c r="S48" s="318"/>
      <c r="T48" s="318"/>
      <c r="U48" s="318"/>
      <c r="V48" s="318"/>
      <c r="W48" s="318"/>
      <c r="X48" s="318"/>
      <c r="Y48" s="318"/>
      <c r="Z48" s="318"/>
      <c r="AA48" s="318"/>
      <c r="AB48" s="318"/>
      <c r="AC48" s="318"/>
      <c r="AD48" s="318"/>
      <c r="AE48" s="319"/>
      <c r="AF48" s="464"/>
      <c r="AG48" s="465"/>
      <c r="AH48" s="465"/>
      <c r="AI48" s="465"/>
      <c r="AJ48" s="465"/>
      <c r="AK48" s="465"/>
      <c r="AL48" s="465"/>
      <c r="AM48" s="465"/>
      <c r="AN48" s="465"/>
      <c r="AO48" s="465"/>
      <c r="AP48" s="465"/>
      <c r="AQ48" s="465"/>
      <c r="AR48" s="465"/>
      <c r="AS48" s="465"/>
      <c r="AT48" s="465"/>
      <c r="AU48" s="468"/>
      <c r="AV48" s="331"/>
      <c r="AW48" s="332"/>
      <c r="AX48" s="332"/>
      <c r="AY48" s="332"/>
      <c r="AZ48" s="332"/>
      <c r="BA48" s="332"/>
      <c r="BB48" s="336"/>
      <c r="BC48" s="336"/>
      <c r="BD48" s="332"/>
      <c r="BE48" s="332"/>
      <c r="BF48" s="332"/>
      <c r="BG48" s="332"/>
      <c r="BH48" s="332"/>
      <c r="BI48" s="332"/>
      <c r="BJ48" s="332"/>
      <c r="BK48" s="332"/>
      <c r="BL48" s="332"/>
      <c r="BM48" s="339"/>
      <c r="BN48" s="325"/>
      <c r="BO48" s="325"/>
      <c r="BP48" s="325"/>
      <c r="BQ48" s="325"/>
      <c r="BR48" s="325"/>
      <c r="BS48" s="367"/>
      <c r="BT48" s="367"/>
      <c r="BU48" s="367"/>
      <c r="BV48" s="367"/>
      <c r="BW48" s="367"/>
      <c r="BX48" s="367"/>
      <c r="BY48" s="367"/>
      <c r="BZ48" s="367"/>
      <c r="CA48" s="367"/>
      <c r="CB48" s="367"/>
      <c r="CC48" s="367"/>
      <c r="CD48" s="367"/>
      <c r="CE48" s="367"/>
      <c r="CF48" s="367"/>
      <c r="CG48" s="367"/>
      <c r="CH48" s="367"/>
      <c r="CI48" s="367"/>
      <c r="CJ48" s="367"/>
      <c r="CK48" s="367"/>
      <c r="CL48" s="367"/>
      <c r="CM48" s="367"/>
      <c r="CN48" s="327"/>
      <c r="CO48" s="327"/>
      <c r="CP48" s="327"/>
      <c r="CQ48" s="327"/>
      <c r="CR48" s="327"/>
      <c r="DB48" s="426"/>
      <c r="DC48" s="426"/>
      <c r="DD48" s="426"/>
      <c r="DE48" s="426"/>
      <c r="DF48" s="426"/>
      <c r="DG48" s="426"/>
      <c r="DH48" s="426"/>
      <c r="DI48" s="426"/>
      <c r="DJ48" s="426"/>
      <c r="DK48" s="426"/>
      <c r="DL48" s="426"/>
      <c r="DM48" s="426"/>
      <c r="DN48" s="426"/>
      <c r="DO48" s="426"/>
      <c r="DP48" s="426"/>
      <c r="DQ48" s="426"/>
      <c r="DR48" s="426"/>
      <c r="DS48" s="426"/>
      <c r="DT48" s="426"/>
      <c r="DU48" s="426"/>
      <c r="DV48" s="426"/>
      <c r="DW48" s="426"/>
      <c r="DX48" s="426"/>
      <c r="DY48" s="426"/>
      <c r="DZ48" s="426"/>
      <c r="EA48" s="426"/>
      <c r="EB48" s="426"/>
      <c r="EC48" s="426"/>
      <c r="ED48" s="426"/>
      <c r="EE48" s="426"/>
      <c r="EF48" s="426"/>
      <c r="EG48" s="426"/>
      <c r="EH48" s="426"/>
      <c r="EI48" s="426"/>
      <c r="EJ48" s="426"/>
      <c r="EK48" s="426"/>
      <c r="EL48" s="426"/>
      <c r="EM48" s="426"/>
      <c r="EN48" s="426"/>
      <c r="EO48" s="426"/>
      <c r="EP48" s="426"/>
      <c r="EQ48" s="426"/>
      <c r="ER48" s="426"/>
      <c r="ES48" s="426"/>
      <c r="ET48" s="426"/>
      <c r="EU48" s="426"/>
    </row>
    <row r="49" spans="1:151" s="8" customFormat="1" ht="8.25" customHeight="1" x14ac:dyDescent="0.55000000000000004">
      <c r="A49" s="360"/>
      <c r="B49" s="361"/>
      <c r="C49" s="362"/>
      <c r="D49" s="320"/>
      <c r="E49" s="321"/>
      <c r="F49" s="321"/>
      <c r="G49" s="321"/>
      <c r="H49" s="321"/>
      <c r="I49" s="321"/>
      <c r="J49" s="321"/>
      <c r="K49" s="321"/>
      <c r="L49" s="321"/>
      <c r="M49" s="321"/>
      <c r="N49" s="321"/>
      <c r="O49" s="321"/>
      <c r="P49" s="321"/>
      <c r="Q49" s="321"/>
      <c r="R49" s="321"/>
      <c r="S49" s="321"/>
      <c r="T49" s="321"/>
      <c r="U49" s="321"/>
      <c r="V49" s="321"/>
      <c r="W49" s="321"/>
      <c r="X49" s="321"/>
      <c r="Y49" s="321"/>
      <c r="Z49" s="321"/>
      <c r="AA49" s="321"/>
      <c r="AB49" s="321"/>
      <c r="AC49" s="321"/>
      <c r="AD49" s="321"/>
      <c r="AE49" s="322"/>
      <c r="AF49" s="466"/>
      <c r="AG49" s="467"/>
      <c r="AH49" s="467"/>
      <c r="AI49" s="467"/>
      <c r="AJ49" s="467"/>
      <c r="AK49" s="467"/>
      <c r="AL49" s="467"/>
      <c r="AM49" s="467"/>
      <c r="AN49" s="467"/>
      <c r="AO49" s="467"/>
      <c r="AP49" s="467"/>
      <c r="AQ49" s="467"/>
      <c r="AR49" s="467"/>
      <c r="AS49" s="467"/>
      <c r="AT49" s="467"/>
      <c r="AU49" s="469"/>
      <c r="AV49" s="333"/>
      <c r="AW49" s="334"/>
      <c r="AX49" s="334"/>
      <c r="AY49" s="334"/>
      <c r="AZ49" s="334"/>
      <c r="BA49" s="334"/>
      <c r="BB49" s="337"/>
      <c r="BC49" s="337"/>
      <c r="BD49" s="334"/>
      <c r="BE49" s="334"/>
      <c r="BF49" s="334"/>
      <c r="BG49" s="334"/>
      <c r="BH49" s="334"/>
      <c r="BI49" s="334"/>
      <c r="BJ49" s="334"/>
      <c r="BK49" s="334"/>
      <c r="BL49" s="334"/>
      <c r="BM49" s="340"/>
      <c r="BN49" s="326"/>
      <c r="BO49" s="326"/>
      <c r="BP49" s="326"/>
      <c r="BQ49" s="326"/>
      <c r="BR49" s="326"/>
      <c r="BS49" s="368"/>
      <c r="BT49" s="368"/>
      <c r="BU49" s="368"/>
      <c r="BV49" s="368"/>
      <c r="BW49" s="368"/>
      <c r="BX49" s="368"/>
      <c r="BY49" s="368"/>
      <c r="BZ49" s="368"/>
      <c r="CA49" s="368"/>
      <c r="CB49" s="368"/>
      <c r="CC49" s="368"/>
      <c r="CD49" s="368"/>
      <c r="CE49" s="368"/>
      <c r="CF49" s="368"/>
      <c r="CG49" s="368"/>
      <c r="CH49" s="368"/>
      <c r="CI49" s="368"/>
      <c r="CJ49" s="368"/>
      <c r="CK49" s="368"/>
      <c r="CL49" s="368"/>
      <c r="CM49" s="368"/>
      <c r="CN49" s="328"/>
      <c r="CO49" s="328"/>
      <c r="CP49" s="328"/>
      <c r="CQ49" s="328"/>
      <c r="CR49" s="328"/>
      <c r="DB49" s="426"/>
      <c r="DC49" s="426"/>
      <c r="DD49" s="426"/>
      <c r="DE49" s="426"/>
      <c r="DF49" s="426"/>
      <c r="DG49" s="426"/>
      <c r="DH49" s="426"/>
      <c r="DI49" s="426"/>
      <c r="DJ49" s="426"/>
      <c r="DK49" s="426"/>
      <c r="DL49" s="426"/>
      <c r="DM49" s="426"/>
      <c r="DN49" s="426"/>
      <c r="DO49" s="426"/>
      <c r="DP49" s="426"/>
      <c r="DQ49" s="426"/>
      <c r="DR49" s="426"/>
      <c r="DS49" s="426"/>
      <c r="DT49" s="426"/>
      <c r="DU49" s="426"/>
      <c r="DV49" s="426"/>
      <c r="DW49" s="426"/>
      <c r="DX49" s="426"/>
      <c r="DY49" s="426"/>
      <c r="DZ49" s="426"/>
      <c r="EA49" s="426"/>
      <c r="EB49" s="426"/>
      <c r="EC49" s="426"/>
      <c r="ED49" s="426"/>
      <c r="EE49" s="426"/>
      <c r="EF49" s="426"/>
      <c r="EG49" s="426"/>
      <c r="EH49" s="426"/>
      <c r="EI49" s="426"/>
      <c r="EJ49" s="426"/>
      <c r="EK49" s="426"/>
      <c r="EL49" s="426"/>
      <c r="EM49" s="426"/>
      <c r="EN49" s="426"/>
      <c r="EO49" s="426"/>
      <c r="EP49" s="426"/>
      <c r="EQ49" s="426"/>
      <c r="ER49" s="426"/>
      <c r="ES49" s="426"/>
      <c r="ET49" s="426"/>
      <c r="EU49" s="426"/>
    </row>
    <row r="50" spans="1:151" s="8" customFormat="1" ht="17" customHeight="1" x14ac:dyDescent="0.55000000000000004">
      <c r="A50" s="360"/>
      <c r="B50" s="361"/>
      <c r="C50" s="362"/>
      <c r="D50" s="341"/>
      <c r="E50" s="342"/>
      <c r="F50" s="342"/>
      <c r="G50" s="342"/>
      <c r="H50" s="342"/>
      <c r="I50" s="342"/>
      <c r="J50" s="342"/>
      <c r="K50" s="342"/>
      <c r="L50" s="342"/>
      <c r="M50" s="342"/>
      <c r="N50" s="342"/>
      <c r="O50" s="342"/>
      <c r="P50" s="342"/>
      <c r="Q50" s="342"/>
      <c r="R50" s="342"/>
      <c r="S50" s="342"/>
      <c r="T50" s="342"/>
      <c r="U50" s="342"/>
      <c r="V50" s="342"/>
      <c r="W50" s="342"/>
      <c r="X50" s="342"/>
      <c r="Y50" s="342"/>
      <c r="Z50" s="342"/>
      <c r="AA50" s="342"/>
      <c r="AB50" s="342"/>
      <c r="AC50" s="342"/>
      <c r="AD50" s="342"/>
      <c r="AE50" s="343"/>
      <c r="AF50" s="344"/>
      <c r="AG50" s="345"/>
      <c r="AH50" s="477" t="s">
        <v>141</v>
      </c>
      <c r="AI50" s="478"/>
      <c r="AJ50" s="481" t="s">
        <v>185</v>
      </c>
      <c r="AK50" s="481"/>
      <c r="AL50" s="481"/>
      <c r="AM50" s="481"/>
      <c r="AN50" s="481" t="s">
        <v>186</v>
      </c>
      <c r="AO50" s="481"/>
      <c r="AP50" s="481"/>
      <c r="AQ50" s="481"/>
      <c r="AR50" s="481" t="s">
        <v>187</v>
      </c>
      <c r="AS50" s="481"/>
      <c r="AT50" s="481"/>
      <c r="AU50" s="483"/>
      <c r="AV50" s="329"/>
      <c r="AW50" s="330"/>
      <c r="AX50" s="330"/>
      <c r="AY50" s="330"/>
      <c r="AZ50" s="330"/>
      <c r="BA50" s="330"/>
      <c r="BB50" s="335" t="s">
        <v>131</v>
      </c>
      <c r="BC50" s="335"/>
      <c r="BD50" s="330"/>
      <c r="BE50" s="330"/>
      <c r="BF50" s="330"/>
      <c r="BG50" s="330" t="s">
        <v>133</v>
      </c>
      <c r="BH50" s="330"/>
      <c r="BI50" s="330"/>
      <c r="BJ50" s="330"/>
      <c r="BK50" s="330"/>
      <c r="BL50" s="330" t="s">
        <v>132</v>
      </c>
      <c r="BM50" s="338"/>
      <c r="BN50" s="323" t="s">
        <v>189</v>
      </c>
      <c r="BO50" s="324"/>
      <c r="BP50" s="324"/>
      <c r="BQ50" s="324"/>
      <c r="BR50" s="324"/>
      <c r="BS50" s="366"/>
      <c r="BT50" s="366"/>
      <c r="BU50" s="366"/>
      <c r="BV50" s="366"/>
      <c r="BW50" s="366"/>
      <c r="BX50" s="366"/>
      <c r="BY50" s="366"/>
      <c r="BZ50" s="366"/>
      <c r="CA50" s="366"/>
      <c r="CB50" s="366"/>
      <c r="CC50" s="366"/>
      <c r="CD50" s="366"/>
      <c r="CE50" s="366"/>
      <c r="CF50" s="366"/>
      <c r="CG50" s="366"/>
      <c r="CH50" s="366"/>
      <c r="CI50" s="366"/>
      <c r="CJ50" s="366"/>
      <c r="CK50" s="366"/>
      <c r="CL50" s="366"/>
      <c r="CM50" s="366"/>
      <c r="CN50" s="323" t="s">
        <v>190</v>
      </c>
      <c r="CO50" s="323"/>
      <c r="CP50" s="323"/>
      <c r="CQ50" s="323"/>
      <c r="CR50" s="323"/>
      <c r="DB50" s="426"/>
      <c r="DC50" s="426"/>
      <c r="DD50" s="426"/>
      <c r="DE50" s="426"/>
      <c r="DF50" s="426"/>
      <c r="DG50" s="426"/>
      <c r="DH50" s="426"/>
      <c r="DI50" s="426"/>
      <c r="DJ50" s="426"/>
      <c r="DK50" s="426"/>
      <c r="DL50" s="426"/>
      <c r="DM50" s="426"/>
      <c r="DN50" s="426"/>
      <c r="DO50" s="426"/>
      <c r="DP50" s="426"/>
      <c r="DQ50" s="426"/>
      <c r="DR50" s="426"/>
      <c r="DS50" s="426"/>
      <c r="DT50" s="426"/>
      <c r="DU50" s="426"/>
      <c r="DV50" s="426"/>
      <c r="DW50" s="426"/>
      <c r="DX50" s="426"/>
      <c r="DY50" s="426"/>
      <c r="DZ50" s="426"/>
      <c r="EA50" s="426"/>
      <c r="EB50" s="426"/>
      <c r="EC50" s="426"/>
      <c r="ED50" s="426"/>
      <c r="EE50" s="426"/>
      <c r="EF50" s="426"/>
      <c r="EG50" s="426"/>
      <c r="EH50" s="426"/>
      <c r="EI50" s="426"/>
      <c r="EJ50" s="426"/>
      <c r="EK50" s="426"/>
      <c r="EL50" s="426"/>
      <c r="EM50" s="426"/>
      <c r="EN50" s="426"/>
      <c r="EO50" s="426"/>
      <c r="EP50" s="426"/>
      <c r="EQ50" s="426"/>
      <c r="ER50" s="426"/>
      <c r="ES50" s="426"/>
      <c r="ET50" s="426"/>
      <c r="EU50" s="426"/>
    </row>
    <row r="51" spans="1:151" s="8" customFormat="1" ht="8.25" customHeight="1" x14ac:dyDescent="0.55000000000000004">
      <c r="A51" s="360"/>
      <c r="B51" s="361"/>
      <c r="C51" s="362"/>
      <c r="D51" s="314"/>
      <c r="E51" s="315"/>
      <c r="F51" s="315"/>
      <c r="G51" s="315"/>
      <c r="H51" s="315"/>
      <c r="I51" s="315"/>
      <c r="J51" s="315"/>
      <c r="K51" s="315"/>
      <c r="L51" s="315"/>
      <c r="M51" s="315"/>
      <c r="N51" s="315"/>
      <c r="O51" s="315"/>
      <c r="P51" s="315"/>
      <c r="Q51" s="315"/>
      <c r="R51" s="315"/>
      <c r="S51" s="315"/>
      <c r="T51" s="315"/>
      <c r="U51" s="315"/>
      <c r="V51" s="315"/>
      <c r="W51" s="315"/>
      <c r="X51" s="315"/>
      <c r="Y51" s="315"/>
      <c r="Z51" s="315"/>
      <c r="AA51" s="315"/>
      <c r="AB51" s="315"/>
      <c r="AC51" s="315"/>
      <c r="AD51" s="315"/>
      <c r="AE51" s="316"/>
      <c r="AF51" s="346"/>
      <c r="AG51" s="347"/>
      <c r="AH51" s="479"/>
      <c r="AI51" s="480"/>
      <c r="AJ51" s="482"/>
      <c r="AK51" s="482"/>
      <c r="AL51" s="482"/>
      <c r="AM51" s="482"/>
      <c r="AN51" s="482"/>
      <c r="AO51" s="482"/>
      <c r="AP51" s="482"/>
      <c r="AQ51" s="482"/>
      <c r="AR51" s="482"/>
      <c r="AS51" s="482"/>
      <c r="AT51" s="482"/>
      <c r="AU51" s="484"/>
      <c r="AV51" s="331"/>
      <c r="AW51" s="332"/>
      <c r="AX51" s="332"/>
      <c r="AY51" s="332"/>
      <c r="AZ51" s="332"/>
      <c r="BA51" s="332"/>
      <c r="BB51" s="336"/>
      <c r="BC51" s="336"/>
      <c r="BD51" s="332"/>
      <c r="BE51" s="332"/>
      <c r="BF51" s="332"/>
      <c r="BG51" s="332"/>
      <c r="BH51" s="332"/>
      <c r="BI51" s="332"/>
      <c r="BJ51" s="332"/>
      <c r="BK51" s="332"/>
      <c r="BL51" s="332"/>
      <c r="BM51" s="339"/>
      <c r="BN51" s="325"/>
      <c r="BO51" s="325"/>
      <c r="BP51" s="325"/>
      <c r="BQ51" s="325"/>
      <c r="BR51" s="325"/>
      <c r="BS51" s="367"/>
      <c r="BT51" s="367"/>
      <c r="BU51" s="367"/>
      <c r="BV51" s="367"/>
      <c r="BW51" s="367"/>
      <c r="BX51" s="367"/>
      <c r="BY51" s="367"/>
      <c r="BZ51" s="367"/>
      <c r="CA51" s="367"/>
      <c r="CB51" s="367"/>
      <c r="CC51" s="367"/>
      <c r="CD51" s="367"/>
      <c r="CE51" s="367"/>
      <c r="CF51" s="367"/>
      <c r="CG51" s="367"/>
      <c r="CH51" s="367"/>
      <c r="CI51" s="367"/>
      <c r="CJ51" s="367"/>
      <c r="CK51" s="367"/>
      <c r="CL51" s="367"/>
      <c r="CM51" s="367"/>
      <c r="CN51" s="327"/>
      <c r="CO51" s="327"/>
      <c r="CP51" s="327"/>
      <c r="CQ51" s="327"/>
      <c r="CR51" s="327"/>
    </row>
    <row r="52" spans="1:151" s="8" customFormat="1" ht="8.25" customHeight="1" x14ac:dyDescent="0.55000000000000004">
      <c r="A52" s="360"/>
      <c r="B52" s="361"/>
      <c r="C52" s="362"/>
      <c r="D52" s="317"/>
      <c r="E52" s="318"/>
      <c r="F52" s="318"/>
      <c r="G52" s="318"/>
      <c r="H52" s="318"/>
      <c r="I52" s="318"/>
      <c r="J52" s="318"/>
      <c r="K52" s="318"/>
      <c r="L52" s="318"/>
      <c r="M52" s="318"/>
      <c r="N52" s="318"/>
      <c r="O52" s="318"/>
      <c r="P52" s="318"/>
      <c r="Q52" s="318"/>
      <c r="R52" s="318"/>
      <c r="S52" s="318"/>
      <c r="T52" s="318"/>
      <c r="U52" s="318"/>
      <c r="V52" s="318"/>
      <c r="W52" s="318"/>
      <c r="X52" s="318"/>
      <c r="Y52" s="318"/>
      <c r="Z52" s="318"/>
      <c r="AA52" s="318"/>
      <c r="AB52" s="318"/>
      <c r="AC52" s="318"/>
      <c r="AD52" s="318"/>
      <c r="AE52" s="319"/>
      <c r="AF52" s="464" t="s">
        <v>188</v>
      </c>
      <c r="AG52" s="465"/>
      <c r="AH52" s="465"/>
      <c r="AI52" s="465"/>
      <c r="AJ52" s="465"/>
      <c r="AK52" s="465"/>
      <c r="AL52" s="465" t="s">
        <v>142</v>
      </c>
      <c r="AM52" s="465"/>
      <c r="AN52" s="465"/>
      <c r="AO52" s="465"/>
      <c r="AP52" s="465"/>
      <c r="AQ52" s="465"/>
      <c r="AR52" s="465"/>
      <c r="AS52" s="465"/>
      <c r="AT52" s="465"/>
      <c r="AU52" s="468"/>
      <c r="AV52" s="331"/>
      <c r="AW52" s="332"/>
      <c r="AX52" s="332"/>
      <c r="AY52" s="332"/>
      <c r="AZ52" s="332"/>
      <c r="BA52" s="332"/>
      <c r="BB52" s="336"/>
      <c r="BC52" s="336"/>
      <c r="BD52" s="332"/>
      <c r="BE52" s="332"/>
      <c r="BF52" s="332"/>
      <c r="BG52" s="332"/>
      <c r="BH52" s="332"/>
      <c r="BI52" s="332"/>
      <c r="BJ52" s="332"/>
      <c r="BK52" s="332"/>
      <c r="BL52" s="332"/>
      <c r="BM52" s="339"/>
      <c r="BN52" s="325"/>
      <c r="BO52" s="325"/>
      <c r="BP52" s="325"/>
      <c r="BQ52" s="325"/>
      <c r="BR52" s="325"/>
      <c r="BS52" s="367"/>
      <c r="BT52" s="367"/>
      <c r="BU52" s="367"/>
      <c r="BV52" s="367"/>
      <c r="BW52" s="367"/>
      <c r="BX52" s="367"/>
      <c r="BY52" s="367"/>
      <c r="BZ52" s="367"/>
      <c r="CA52" s="367"/>
      <c r="CB52" s="367"/>
      <c r="CC52" s="367"/>
      <c r="CD52" s="367"/>
      <c r="CE52" s="367"/>
      <c r="CF52" s="367"/>
      <c r="CG52" s="367"/>
      <c r="CH52" s="367"/>
      <c r="CI52" s="367"/>
      <c r="CJ52" s="367"/>
      <c r="CK52" s="367"/>
      <c r="CL52" s="367"/>
      <c r="CM52" s="367"/>
      <c r="CN52" s="327"/>
      <c r="CO52" s="327"/>
      <c r="CP52" s="327"/>
      <c r="CQ52" s="327"/>
      <c r="CR52" s="327"/>
    </row>
    <row r="53" spans="1:151" s="8" customFormat="1" ht="8.25" customHeight="1" x14ac:dyDescent="0.55000000000000004">
      <c r="A53" s="360"/>
      <c r="B53" s="361"/>
      <c r="C53" s="362"/>
      <c r="D53" s="317"/>
      <c r="E53" s="318"/>
      <c r="F53" s="318"/>
      <c r="G53" s="318"/>
      <c r="H53" s="318"/>
      <c r="I53" s="318"/>
      <c r="J53" s="318"/>
      <c r="K53" s="318"/>
      <c r="L53" s="318"/>
      <c r="M53" s="318"/>
      <c r="N53" s="318"/>
      <c r="O53" s="318"/>
      <c r="P53" s="318"/>
      <c r="Q53" s="318"/>
      <c r="R53" s="318"/>
      <c r="S53" s="318"/>
      <c r="T53" s="318"/>
      <c r="U53" s="318"/>
      <c r="V53" s="318"/>
      <c r="W53" s="318"/>
      <c r="X53" s="318"/>
      <c r="Y53" s="318"/>
      <c r="Z53" s="318"/>
      <c r="AA53" s="318"/>
      <c r="AB53" s="318"/>
      <c r="AC53" s="318"/>
      <c r="AD53" s="318"/>
      <c r="AE53" s="319"/>
      <c r="AF53" s="464"/>
      <c r="AG53" s="465"/>
      <c r="AH53" s="465"/>
      <c r="AI53" s="465"/>
      <c r="AJ53" s="465"/>
      <c r="AK53" s="465"/>
      <c r="AL53" s="465"/>
      <c r="AM53" s="465"/>
      <c r="AN53" s="465"/>
      <c r="AO53" s="465"/>
      <c r="AP53" s="465"/>
      <c r="AQ53" s="465"/>
      <c r="AR53" s="465"/>
      <c r="AS53" s="465"/>
      <c r="AT53" s="465"/>
      <c r="AU53" s="468"/>
      <c r="AV53" s="331"/>
      <c r="AW53" s="332"/>
      <c r="AX53" s="332"/>
      <c r="AY53" s="332"/>
      <c r="AZ53" s="332"/>
      <c r="BA53" s="332"/>
      <c r="BB53" s="336"/>
      <c r="BC53" s="336"/>
      <c r="BD53" s="332"/>
      <c r="BE53" s="332"/>
      <c r="BF53" s="332"/>
      <c r="BG53" s="332"/>
      <c r="BH53" s="332"/>
      <c r="BI53" s="332"/>
      <c r="BJ53" s="332"/>
      <c r="BK53" s="332"/>
      <c r="BL53" s="332"/>
      <c r="BM53" s="339"/>
      <c r="BN53" s="325"/>
      <c r="BO53" s="325"/>
      <c r="BP53" s="325"/>
      <c r="BQ53" s="325"/>
      <c r="BR53" s="325"/>
      <c r="BS53" s="367"/>
      <c r="BT53" s="367"/>
      <c r="BU53" s="367"/>
      <c r="BV53" s="367"/>
      <c r="BW53" s="367"/>
      <c r="BX53" s="367"/>
      <c r="BY53" s="367"/>
      <c r="BZ53" s="367"/>
      <c r="CA53" s="367"/>
      <c r="CB53" s="367"/>
      <c r="CC53" s="367"/>
      <c r="CD53" s="367"/>
      <c r="CE53" s="367"/>
      <c r="CF53" s="367"/>
      <c r="CG53" s="367"/>
      <c r="CH53" s="367"/>
      <c r="CI53" s="367"/>
      <c r="CJ53" s="367"/>
      <c r="CK53" s="367"/>
      <c r="CL53" s="367"/>
      <c r="CM53" s="367"/>
      <c r="CN53" s="327"/>
      <c r="CO53" s="327"/>
      <c r="CP53" s="327"/>
      <c r="CQ53" s="327"/>
      <c r="CR53" s="327"/>
    </row>
    <row r="54" spans="1:151" s="8" customFormat="1" ht="7.5" customHeight="1" x14ac:dyDescent="0.55000000000000004">
      <c r="A54" s="360"/>
      <c r="B54" s="361"/>
      <c r="C54" s="362"/>
      <c r="D54" s="320"/>
      <c r="E54" s="321"/>
      <c r="F54" s="321"/>
      <c r="G54" s="321"/>
      <c r="H54" s="321"/>
      <c r="I54" s="321"/>
      <c r="J54" s="321"/>
      <c r="K54" s="321"/>
      <c r="L54" s="321"/>
      <c r="M54" s="321"/>
      <c r="N54" s="321"/>
      <c r="O54" s="321"/>
      <c r="P54" s="321"/>
      <c r="Q54" s="321"/>
      <c r="R54" s="321"/>
      <c r="S54" s="321"/>
      <c r="T54" s="321"/>
      <c r="U54" s="321"/>
      <c r="V54" s="321"/>
      <c r="W54" s="321"/>
      <c r="X54" s="321"/>
      <c r="Y54" s="321"/>
      <c r="Z54" s="321"/>
      <c r="AA54" s="321"/>
      <c r="AB54" s="321"/>
      <c r="AC54" s="321"/>
      <c r="AD54" s="321"/>
      <c r="AE54" s="322"/>
      <c r="AF54" s="466"/>
      <c r="AG54" s="467"/>
      <c r="AH54" s="467"/>
      <c r="AI54" s="467"/>
      <c r="AJ54" s="467"/>
      <c r="AK54" s="467"/>
      <c r="AL54" s="467"/>
      <c r="AM54" s="467"/>
      <c r="AN54" s="467"/>
      <c r="AO54" s="467"/>
      <c r="AP54" s="467"/>
      <c r="AQ54" s="467"/>
      <c r="AR54" s="467"/>
      <c r="AS54" s="467"/>
      <c r="AT54" s="467"/>
      <c r="AU54" s="469"/>
      <c r="AV54" s="333"/>
      <c r="AW54" s="334"/>
      <c r="AX54" s="334"/>
      <c r="AY54" s="334"/>
      <c r="AZ54" s="334"/>
      <c r="BA54" s="334"/>
      <c r="BB54" s="337"/>
      <c r="BC54" s="337"/>
      <c r="BD54" s="334"/>
      <c r="BE54" s="334"/>
      <c r="BF54" s="334"/>
      <c r="BG54" s="334"/>
      <c r="BH54" s="334"/>
      <c r="BI54" s="334"/>
      <c r="BJ54" s="334"/>
      <c r="BK54" s="334"/>
      <c r="BL54" s="334"/>
      <c r="BM54" s="340"/>
      <c r="BN54" s="326"/>
      <c r="BO54" s="326"/>
      <c r="BP54" s="326"/>
      <c r="BQ54" s="326"/>
      <c r="BR54" s="326"/>
      <c r="BS54" s="368"/>
      <c r="BT54" s="368"/>
      <c r="BU54" s="368"/>
      <c r="BV54" s="368"/>
      <c r="BW54" s="368"/>
      <c r="BX54" s="368"/>
      <c r="BY54" s="368"/>
      <c r="BZ54" s="368"/>
      <c r="CA54" s="368"/>
      <c r="CB54" s="368"/>
      <c r="CC54" s="368"/>
      <c r="CD54" s="368"/>
      <c r="CE54" s="368"/>
      <c r="CF54" s="368"/>
      <c r="CG54" s="368"/>
      <c r="CH54" s="368"/>
      <c r="CI54" s="368"/>
      <c r="CJ54" s="368"/>
      <c r="CK54" s="368"/>
      <c r="CL54" s="368"/>
      <c r="CM54" s="368"/>
      <c r="CN54" s="328"/>
      <c r="CO54" s="328"/>
      <c r="CP54" s="328"/>
      <c r="CQ54" s="328"/>
      <c r="CR54" s="328"/>
    </row>
    <row r="55" spans="1:151" s="8" customFormat="1" ht="17.5" customHeight="1" x14ac:dyDescent="0.55000000000000004">
      <c r="A55" s="360"/>
      <c r="B55" s="361"/>
      <c r="C55" s="362"/>
      <c r="D55" s="341"/>
      <c r="E55" s="342"/>
      <c r="F55" s="342"/>
      <c r="G55" s="342"/>
      <c r="H55" s="342"/>
      <c r="I55" s="342"/>
      <c r="J55" s="342"/>
      <c r="K55" s="342"/>
      <c r="L55" s="342"/>
      <c r="M55" s="342"/>
      <c r="N55" s="342"/>
      <c r="O55" s="342"/>
      <c r="P55" s="342"/>
      <c r="Q55" s="342"/>
      <c r="R55" s="342"/>
      <c r="S55" s="342"/>
      <c r="T55" s="342"/>
      <c r="U55" s="342"/>
      <c r="V55" s="342"/>
      <c r="W55" s="342"/>
      <c r="X55" s="342"/>
      <c r="Y55" s="342"/>
      <c r="Z55" s="342"/>
      <c r="AA55" s="342"/>
      <c r="AB55" s="342"/>
      <c r="AC55" s="342"/>
      <c r="AD55" s="342"/>
      <c r="AE55" s="343"/>
      <c r="AF55" s="344"/>
      <c r="AG55" s="345"/>
      <c r="AH55" s="477" t="s">
        <v>141</v>
      </c>
      <c r="AI55" s="478"/>
      <c r="AJ55" s="481" t="s">
        <v>185</v>
      </c>
      <c r="AK55" s="481"/>
      <c r="AL55" s="481"/>
      <c r="AM55" s="481"/>
      <c r="AN55" s="481" t="s">
        <v>186</v>
      </c>
      <c r="AO55" s="481"/>
      <c r="AP55" s="481"/>
      <c r="AQ55" s="481"/>
      <c r="AR55" s="481" t="s">
        <v>187</v>
      </c>
      <c r="AS55" s="481"/>
      <c r="AT55" s="481"/>
      <c r="AU55" s="483"/>
      <c r="AV55" s="329"/>
      <c r="AW55" s="330"/>
      <c r="AX55" s="330"/>
      <c r="AY55" s="330"/>
      <c r="AZ55" s="330"/>
      <c r="BA55" s="330"/>
      <c r="BB55" s="335" t="s">
        <v>131</v>
      </c>
      <c r="BC55" s="335"/>
      <c r="BD55" s="330"/>
      <c r="BE55" s="330"/>
      <c r="BF55" s="330"/>
      <c r="BG55" s="330" t="s">
        <v>133</v>
      </c>
      <c r="BH55" s="330"/>
      <c r="BI55" s="330"/>
      <c r="BJ55" s="330"/>
      <c r="BK55" s="330"/>
      <c r="BL55" s="330" t="s">
        <v>132</v>
      </c>
      <c r="BM55" s="338"/>
      <c r="BN55" s="323" t="s">
        <v>189</v>
      </c>
      <c r="BO55" s="324"/>
      <c r="BP55" s="324"/>
      <c r="BQ55" s="324"/>
      <c r="BR55" s="324"/>
      <c r="BS55" s="366"/>
      <c r="BT55" s="366"/>
      <c r="BU55" s="366"/>
      <c r="BV55" s="366"/>
      <c r="BW55" s="366"/>
      <c r="BX55" s="366"/>
      <c r="BY55" s="366"/>
      <c r="BZ55" s="366"/>
      <c r="CA55" s="366"/>
      <c r="CB55" s="366"/>
      <c r="CC55" s="366"/>
      <c r="CD55" s="366"/>
      <c r="CE55" s="366"/>
      <c r="CF55" s="366"/>
      <c r="CG55" s="366"/>
      <c r="CH55" s="366"/>
      <c r="CI55" s="366"/>
      <c r="CJ55" s="366"/>
      <c r="CK55" s="366"/>
      <c r="CL55" s="366"/>
      <c r="CM55" s="366"/>
      <c r="CN55" s="323" t="s">
        <v>190</v>
      </c>
      <c r="CO55" s="323"/>
      <c r="CP55" s="323"/>
      <c r="CQ55" s="323"/>
      <c r="CR55" s="323"/>
      <c r="EQ55" s="45"/>
      <c r="ER55" s="45"/>
      <c r="ES55" s="45"/>
    </row>
    <row r="56" spans="1:151" s="8" customFormat="1" ht="9" customHeight="1" x14ac:dyDescent="0.55000000000000004">
      <c r="A56" s="360"/>
      <c r="B56" s="361"/>
      <c r="C56" s="362"/>
      <c r="D56" s="314"/>
      <c r="E56" s="315"/>
      <c r="F56" s="315"/>
      <c r="G56" s="315"/>
      <c r="H56" s="315"/>
      <c r="I56" s="315"/>
      <c r="J56" s="315"/>
      <c r="K56" s="315"/>
      <c r="L56" s="315"/>
      <c r="M56" s="315"/>
      <c r="N56" s="315"/>
      <c r="O56" s="315"/>
      <c r="P56" s="315"/>
      <c r="Q56" s="315"/>
      <c r="R56" s="315"/>
      <c r="S56" s="315"/>
      <c r="T56" s="315"/>
      <c r="U56" s="315"/>
      <c r="V56" s="315"/>
      <c r="W56" s="315"/>
      <c r="X56" s="315"/>
      <c r="Y56" s="315"/>
      <c r="Z56" s="315"/>
      <c r="AA56" s="315"/>
      <c r="AB56" s="315"/>
      <c r="AC56" s="315"/>
      <c r="AD56" s="315"/>
      <c r="AE56" s="316"/>
      <c r="AF56" s="346"/>
      <c r="AG56" s="347"/>
      <c r="AH56" s="479"/>
      <c r="AI56" s="480"/>
      <c r="AJ56" s="482"/>
      <c r="AK56" s="482"/>
      <c r="AL56" s="482"/>
      <c r="AM56" s="482"/>
      <c r="AN56" s="482"/>
      <c r="AO56" s="482"/>
      <c r="AP56" s="482"/>
      <c r="AQ56" s="482"/>
      <c r="AR56" s="482"/>
      <c r="AS56" s="482"/>
      <c r="AT56" s="482"/>
      <c r="AU56" s="484"/>
      <c r="AV56" s="331"/>
      <c r="AW56" s="332"/>
      <c r="AX56" s="332"/>
      <c r="AY56" s="332"/>
      <c r="AZ56" s="332"/>
      <c r="BA56" s="332"/>
      <c r="BB56" s="336"/>
      <c r="BC56" s="336"/>
      <c r="BD56" s="332"/>
      <c r="BE56" s="332"/>
      <c r="BF56" s="332"/>
      <c r="BG56" s="332"/>
      <c r="BH56" s="332"/>
      <c r="BI56" s="332"/>
      <c r="BJ56" s="332"/>
      <c r="BK56" s="332"/>
      <c r="BL56" s="332"/>
      <c r="BM56" s="339"/>
      <c r="BN56" s="325"/>
      <c r="BO56" s="325"/>
      <c r="BP56" s="325"/>
      <c r="BQ56" s="325"/>
      <c r="BR56" s="325"/>
      <c r="BS56" s="367"/>
      <c r="BT56" s="367"/>
      <c r="BU56" s="367"/>
      <c r="BV56" s="367"/>
      <c r="BW56" s="367"/>
      <c r="BX56" s="367"/>
      <c r="BY56" s="367"/>
      <c r="BZ56" s="367"/>
      <c r="CA56" s="367"/>
      <c r="CB56" s="367"/>
      <c r="CC56" s="367"/>
      <c r="CD56" s="367"/>
      <c r="CE56" s="367"/>
      <c r="CF56" s="367"/>
      <c r="CG56" s="367"/>
      <c r="CH56" s="367"/>
      <c r="CI56" s="367"/>
      <c r="CJ56" s="367"/>
      <c r="CK56" s="367"/>
      <c r="CL56" s="367"/>
      <c r="CM56" s="367"/>
      <c r="CN56" s="327"/>
      <c r="CO56" s="327"/>
      <c r="CP56" s="327"/>
      <c r="CQ56" s="327"/>
      <c r="CR56" s="327"/>
      <c r="EQ56" s="13"/>
      <c r="ER56" s="13"/>
      <c r="ES56" s="13"/>
    </row>
    <row r="57" spans="1:151" s="8" customFormat="1" ht="7.5" customHeight="1" x14ac:dyDescent="0.55000000000000004">
      <c r="A57" s="360"/>
      <c r="B57" s="361"/>
      <c r="C57" s="362"/>
      <c r="D57" s="317"/>
      <c r="E57" s="318"/>
      <c r="F57" s="318"/>
      <c r="G57" s="318"/>
      <c r="H57" s="318"/>
      <c r="I57" s="318"/>
      <c r="J57" s="318"/>
      <c r="K57" s="318"/>
      <c r="L57" s="318"/>
      <c r="M57" s="318"/>
      <c r="N57" s="318"/>
      <c r="O57" s="318"/>
      <c r="P57" s="318"/>
      <c r="Q57" s="318"/>
      <c r="R57" s="318"/>
      <c r="S57" s="318"/>
      <c r="T57" s="318"/>
      <c r="U57" s="318"/>
      <c r="V57" s="318"/>
      <c r="W57" s="318"/>
      <c r="X57" s="318"/>
      <c r="Y57" s="318"/>
      <c r="Z57" s="318"/>
      <c r="AA57" s="318"/>
      <c r="AB57" s="318"/>
      <c r="AC57" s="318"/>
      <c r="AD57" s="318"/>
      <c r="AE57" s="319"/>
      <c r="AF57" s="464" t="s">
        <v>188</v>
      </c>
      <c r="AG57" s="465"/>
      <c r="AH57" s="465"/>
      <c r="AI57" s="465"/>
      <c r="AJ57" s="465"/>
      <c r="AK57" s="465"/>
      <c r="AL57" s="465" t="s">
        <v>142</v>
      </c>
      <c r="AM57" s="465"/>
      <c r="AN57" s="465"/>
      <c r="AO57" s="465"/>
      <c r="AP57" s="465"/>
      <c r="AQ57" s="465"/>
      <c r="AR57" s="465"/>
      <c r="AS57" s="465"/>
      <c r="AT57" s="465"/>
      <c r="AU57" s="468"/>
      <c r="AV57" s="331"/>
      <c r="AW57" s="332"/>
      <c r="AX57" s="332"/>
      <c r="AY57" s="332"/>
      <c r="AZ57" s="332"/>
      <c r="BA57" s="332"/>
      <c r="BB57" s="336"/>
      <c r="BC57" s="336"/>
      <c r="BD57" s="332"/>
      <c r="BE57" s="332"/>
      <c r="BF57" s="332"/>
      <c r="BG57" s="332"/>
      <c r="BH57" s="332"/>
      <c r="BI57" s="332"/>
      <c r="BJ57" s="332"/>
      <c r="BK57" s="332"/>
      <c r="BL57" s="332"/>
      <c r="BM57" s="339"/>
      <c r="BN57" s="325"/>
      <c r="BO57" s="325"/>
      <c r="BP57" s="325"/>
      <c r="BQ57" s="325"/>
      <c r="BR57" s="325"/>
      <c r="BS57" s="367"/>
      <c r="BT57" s="367"/>
      <c r="BU57" s="367"/>
      <c r="BV57" s="367"/>
      <c r="BW57" s="367"/>
      <c r="BX57" s="367"/>
      <c r="BY57" s="367"/>
      <c r="BZ57" s="367"/>
      <c r="CA57" s="367"/>
      <c r="CB57" s="367"/>
      <c r="CC57" s="367"/>
      <c r="CD57" s="367"/>
      <c r="CE57" s="367"/>
      <c r="CF57" s="367"/>
      <c r="CG57" s="367"/>
      <c r="CH57" s="367"/>
      <c r="CI57" s="367"/>
      <c r="CJ57" s="367"/>
      <c r="CK57" s="367"/>
      <c r="CL57" s="367"/>
      <c r="CM57" s="367"/>
      <c r="CN57" s="327"/>
      <c r="CO57" s="327"/>
      <c r="CP57" s="327"/>
      <c r="CQ57" s="327"/>
      <c r="CR57" s="327"/>
      <c r="EQ57" s="19"/>
      <c r="ER57" s="19"/>
      <c r="ES57" s="19"/>
      <c r="ET57" s="14"/>
    </row>
    <row r="58" spans="1:151" s="8" customFormat="1" ht="8.25" customHeight="1" x14ac:dyDescent="0.55000000000000004">
      <c r="A58" s="360"/>
      <c r="B58" s="361"/>
      <c r="C58" s="362"/>
      <c r="D58" s="317"/>
      <c r="E58" s="318"/>
      <c r="F58" s="318"/>
      <c r="G58" s="318"/>
      <c r="H58" s="318"/>
      <c r="I58" s="318"/>
      <c r="J58" s="318"/>
      <c r="K58" s="318"/>
      <c r="L58" s="318"/>
      <c r="M58" s="318"/>
      <c r="N58" s="318"/>
      <c r="O58" s="318"/>
      <c r="P58" s="318"/>
      <c r="Q58" s="318"/>
      <c r="R58" s="318"/>
      <c r="S58" s="318"/>
      <c r="T58" s="318"/>
      <c r="U58" s="318"/>
      <c r="V58" s="318"/>
      <c r="W58" s="318"/>
      <c r="X58" s="318"/>
      <c r="Y58" s="318"/>
      <c r="Z58" s="318"/>
      <c r="AA58" s="318"/>
      <c r="AB58" s="318"/>
      <c r="AC58" s="318"/>
      <c r="AD58" s="318"/>
      <c r="AE58" s="319"/>
      <c r="AF58" s="464"/>
      <c r="AG58" s="465"/>
      <c r="AH58" s="465"/>
      <c r="AI58" s="465"/>
      <c r="AJ58" s="465"/>
      <c r="AK58" s="465"/>
      <c r="AL58" s="465"/>
      <c r="AM58" s="465"/>
      <c r="AN58" s="465"/>
      <c r="AO58" s="465"/>
      <c r="AP58" s="465"/>
      <c r="AQ58" s="465"/>
      <c r="AR58" s="465"/>
      <c r="AS58" s="465"/>
      <c r="AT58" s="465"/>
      <c r="AU58" s="468"/>
      <c r="AV58" s="331"/>
      <c r="AW58" s="332"/>
      <c r="AX58" s="332"/>
      <c r="AY58" s="332"/>
      <c r="AZ58" s="332"/>
      <c r="BA58" s="332"/>
      <c r="BB58" s="336"/>
      <c r="BC58" s="336"/>
      <c r="BD58" s="332"/>
      <c r="BE58" s="332"/>
      <c r="BF58" s="332"/>
      <c r="BG58" s="332"/>
      <c r="BH58" s="332"/>
      <c r="BI58" s="332"/>
      <c r="BJ58" s="332"/>
      <c r="BK58" s="332"/>
      <c r="BL58" s="332"/>
      <c r="BM58" s="339"/>
      <c r="BN58" s="325"/>
      <c r="BO58" s="325"/>
      <c r="BP58" s="325"/>
      <c r="BQ58" s="325"/>
      <c r="BR58" s="325"/>
      <c r="BS58" s="367"/>
      <c r="BT58" s="367"/>
      <c r="BU58" s="367"/>
      <c r="BV58" s="367"/>
      <c r="BW58" s="367"/>
      <c r="BX58" s="367"/>
      <c r="BY58" s="367"/>
      <c r="BZ58" s="367"/>
      <c r="CA58" s="367"/>
      <c r="CB58" s="367"/>
      <c r="CC58" s="367"/>
      <c r="CD58" s="367"/>
      <c r="CE58" s="367"/>
      <c r="CF58" s="367"/>
      <c r="CG58" s="367"/>
      <c r="CH58" s="367"/>
      <c r="CI58" s="367"/>
      <c r="CJ58" s="367"/>
      <c r="CK58" s="367"/>
      <c r="CL58" s="367"/>
      <c r="CM58" s="367"/>
      <c r="CN58" s="327"/>
      <c r="CO58" s="327"/>
      <c r="CP58" s="327"/>
      <c r="CQ58" s="327"/>
      <c r="CR58" s="327"/>
      <c r="EQ58" s="19"/>
      <c r="ER58" s="19"/>
      <c r="ES58" s="19"/>
      <c r="ET58" s="14"/>
    </row>
    <row r="59" spans="1:151" s="8" customFormat="1" ht="8.25" customHeight="1" x14ac:dyDescent="0.55000000000000004">
      <c r="A59" s="360"/>
      <c r="B59" s="361"/>
      <c r="C59" s="362"/>
      <c r="D59" s="320"/>
      <c r="E59" s="321"/>
      <c r="F59" s="321"/>
      <c r="G59" s="321"/>
      <c r="H59" s="321"/>
      <c r="I59" s="321"/>
      <c r="J59" s="321"/>
      <c r="K59" s="321"/>
      <c r="L59" s="321"/>
      <c r="M59" s="321"/>
      <c r="N59" s="321"/>
      <c r="O59" s="321"/>
      <c r="P59" s="321"/>
      <c r="Q59" s="321"/>
      <c r="R59" s="321"/>
      <c r="S59" s="321"/>
      <c r="T59" s="321"/>
      <c r="U59" s="321"/>
      <c r="V59" s="321"/>
      <c r="W59" s="321"/>
      <c r="X59" s="321"/>
      <c r="Y59" s="321"/>
      <c r="Z59" s="321"/>
      <c r="AA59" s="321"/>
      <c r="AB59" s="321"/>
      <c r="AC59" s="321"/>
      <c r="AD59" s="321"/>
      <c r="AE59" s="322"/>
      <c r="AF59" s="466"/>
      <c r="AG59" s="467"/>
      <c r="AH59" s="467"/>
      <c r="AI59" s="467"/>
      <c r="AJ59" s="467"/>
      <c r="AK59" s="467"/>
      <c r="AL59" s="467"/>
      <c r="AM59" s="467"/>
      <c r="AN59" s="467"/>
      <c r="AO59" s="467"/>
      <c r="AP59" s="467"/>
      <c r="AQ59" s="467"/>
      <c r="AR59" s="467"/>
      <c r="AS59" s="467"/>
      <c r="AT59" s="467"/>
      <c r="AU59" s="469"/>
      <c r="AV59" s="333"/>
      <c r="AW59" s="334"/>
      <c r="AX59" s="334"/>
      <c r="AY59" s="334"/>
      <c r="AZ59" s="334"/>
      <c r="BA59" s="334"/>
      <c r="BB59" s="337"/>
      <c r="BC59" s="337"/>
      <c r="BD59" s="334"/>
      <c r="BE59" s="334"/>
      <c r="BF59" s="334"/>
      <c r="BG59" s="334"/>
      <c r="BH59" s="334"/>
      <c r="BI59" s="334"/>
      <c r="BJ59" s="334"/>
      <c r="BK59" s="334"/>
      <c r="BL59" s="334"/>
      <c r="BM59" s="340"/>
      <c r="BN59" s="326"/>
      <c r="BO59" s="326"/>
      <c r="BP59" s="326"/>
      <c r="BQ59" s="326"/>
      <c r="BR59" s="326"/>
      <c r="BS59" s="368"/>
      <c r="BT59" s="368"/>
      <c r="BU59" s="368"/>
      <c r="BV59" s="368"/>
      <c r="BW59" s="368"/>
      <c r="BX59" s="368"/>
      <c r="BY59" s="368"/>
      <c r="BZ59" s="368"/>
      <c r="CA59" s="368"/>
      <c r="CB59" s="368"/>
      <c r="CC59" s="368"/>
      <c r="CD59" s="368"/>
      <c r="CE59" s="368"/>
      <c r="CF59" s="368"/>
      <c r="CG59" s="368"/>
      <c r="CH59" s="368"/>
      <c r="CI59" s="368"/>
      <c r="CJ59" s="368"/>
      <c r="CK59" s="368"/>
      <c r="CL59" s="368"/>
      <c r="CM59" s="368"/>
      <c r="CN59" s="328"/>
      <c r="CO59" s="328"/>
      <c r="CP59" s="328"/>
      <c r="CQ59" s="328"/>
      <c r="CR59" s="328"/>
      <c r="EQ59" s="19"/>
      <c r="ER59" s="19"/>
      <c r="ES59" s="19"/>
      <c r="ET59" s="14"/>
    </row>
    <row r="60" spans="1:151" s="8" customFormat="1" ht="15" customHeight="1" x14ac:dyDescent="0.55000000000000004">
      <c r="A60" s="360"/>
      <c r="B60" s="361"/>
      <c r="C60" s="362"/>
      <c r="D60" s="341"/>
      <c r="E60" s="342"/>
      <c r="F60" s="342"/>
      <c r="G60" s="342"/>
      <c r="H60" s="342"/>
      <c r="I60" s="342"/>
      <c r="J60" s="342"/>
      <c r="K60" s="342"/>
      <c r="L60" s="342"/>
      <c r="M60" s="342"/>
      <c r="N60" s="342"/>
      <c r="O60" s="342"/>
      <c r="P60" s="342"/>
      <c r="Q60" s="342"/>
      <c r="R60" s="342"/>
      <c r="S60" s="342"/>
      <c r="T60" s="342"/>
      <c r="U60" s="342"/>
      <c r="V60" s="342"/>
      <c r="W60" s="342"/>
      <c r="X60" s="342"/>
      <c r="Y60" s="342"/>
      <c r="Z60" s="342"/>
      <c r="AA60" s="342"/>
      <c r="AB60" s="342"/>
      <c r="AC60" s="342"/>
      <c r="AD60" s="342"/>
      <c r="AE60" s="343"/>
      <c r="AF60" s="344"/>
      <c r="AG60" s="345"/>
      <c r="AH60" s="477" t="s">
        <v>141</v>
      </c>
      <c r="AI60" s="478"/>
      <c r="AJ60" s="481" t="s">
        <v>185</v>
      </c>
      <c r="AK60" s="481"/>
      <c r="AL60" s="481"/>
      <c r="AM60" s="481"/>
      <c r="AN60" s="481" t="s">
        <v>186</v>
      </c>
      <c r="AO60" s="481"/>
      <c r="AP60" s="481"/>
      <c r="AQ60" s="481"/>
      <c r="AR60" s="481" t="s">
        <v>187</v>
      </c>
      <c r="AS60" s="481"/>
      <c r="AT60" s="481"/>
      <c r="AU60" s="483"/>
      <c r="AV60" s="329"/>
      <c r="AW60" s="330"/>
      <c r="AX60" s="330"/>
      <c r="AY60" s="330"/>
      <c r="AZ60" s="330"/>
      <c r="BA60" s="330"/>
      <c r="BB60" s="335" t="s">
        <v>131</v>
      </c>
      <c r="BC60" s="335"/>
      <c r="BD60" s="330"/>
      <c r="BE60" s="330"/>
      <c r="BF60" s="330"/>
      <c r="BG60" s="330" t="s">
        <v>133</v>
      </c>
      <c r="BH60" s="330"/>
      <c r="BI60" s="330"/>
      <c r="BJ60" s="330"/>
      <c r="BK60" s="330"/>
      <c r="BL60" s="330" t="s">
        <v>132</v>
      </c>
      <c r="BM60" s="338"/>
      <c r="BN60" s="323" t="s">
        <v>189</v>
      </c>
      <c r="BO60" s="324"/>
      <c r="BP60" s="324"/>
      <c r="BQ60" s="324"/>
      <c r="BR60" s="324"/>
      <c r="BS60" s="366"/>
      <c r="BT60" s="366"/>
      <c r="BU60" s="366"/>
      <c r="BV60" s="366"/>
      <c r="BW60" s="366"/>
      <c r="BX60" s="366"/>
      <c r="BY60" s="366"/>
      <c r="BZ60" s="366"/>
      <c r="CA60" s="366"/>
      <c r="CB60" s="366"/>
      <c r="CC60" s="366"/>
      <c r="CD60" s="366"/>
      <c r="CE60" s="366"/>
      <c r="CF60" s="366"/>
      <c r="CG60" s="366"/>
      <c r="CH60" s="366"/>
      <c r="CI60" s="366"/>
      <c r="CJ60" s="366"/>
      <c r="CK60" s="366"/>
      <c r="CL60" s="366"/>
      <c r="CM60" s="366"/>
      <c r="CN60" s="323" t="s">
        <v>190</v>
      </c>
      <c r="CO60" s="323"/>
      <c r="CP60" s="323"/>
      <c r="CQ60" s="323"/>
      <c r="CR60" s="323"/>
      <c r="EQ60" s="19"/>
      <c r="ER60" s="19"/>
      <c r="ES60" s="19"/>
      <c r="ET60" s="14"/>
    </row>
    <row r="61" spans="1:151" s="8" customFormat="1" ht="8.25" customHeight="1" x14ac:dyDescent="0.55000000000000004">
      <c r="A61" s="360"/>
      <c r="B61" s="361"/>
      <c r="C61" s="362"/>
      <c r="D61" s="314"/>
      <c r="E61" s="315"/>
      <c r="F61" s="315"/>
      <c r="G61" s="315"/>
      <c r="H61" s="315"/>
      <c r="I61" s="315"/>
      <c r="J61" s="315"/>
      <c r="K61" s="315"/>
      <c r="L61" s="315"/>
      <c r="M61" s="315"/>
      <c r="N61" s="315"/>
      <c r="O61" s="315"/>
      <c r="P61" s="315"/>
      <c r="Q61" s="315"/>
      <c r="R61" s="315"/>
      <c r="S61" s="315"/>
      <c r="T61" s="315"/>
      <c r="U61" s="315"/>
      <c r="V61" s="315"/>
      <c r="W61" s="315"/>
      <c r="X61" s="315"/>
      <c r="Y61" s="315"/>
      <c r="Z61" s="315"/>
      <c r="AA61" s="315"/>
      <c r="AB61" s="315"/>
      <c r="AC61" s="315"/>
      <c r="AD61" s="315"/>
      <c r="AE61" s="316"/>
      <c r="AF61" s="346"/>
      <c r="AG61" s="347"/>
      <c r="AH61" s="479"/>
      <c r="AI61" s="480"/>
      <c r="AJ61" s="482"/>
      <c r="AK61" s="482"/>
      <c r="AL61" s="482"/>
      <c r="AM61" s="482"/>
      <c r="AN61" s="482"/>
      <c r="AO61" s="482"/>
      <c r="AP61" s="482"/>
      <c r="AQ61" s="482"/>
      <c r="AR61" s="482"/>
      <c r="AS61" s="482"/>
      <c r="AT61" s="482"/>
      <c r="AU61" s="484"/>
      <c r="AV61" s="331"/>
      <c r="AW61" s="332"/>
      <c r="AX61" s="332"/>
      <c r="AY61" s="332"/>
      <c r="AZ61" s="332"/>
      <c r="BA61" s="332"/>
      <c r="BB61" s="336"/>
      <c r="BC61" s="336"/>
      <c r="BD61" s="332"/>
      <c r="BE61" s="332"/>
      <c r="BF61" s="332"/>
      <c r="BG61" s="332"/>
      <c r="BH61" s="332"/>
      <c r="BI61" s="332"/>
      <c r="BJ61" s="332"/>
      <c r="BK61" s="332"/>
      <c r="BL61" s="332"/>
      <c r="BM61" s="339"/>
      <c r="BN61" s="325"/>
      <c r="BO61" s="325"/>
      <c r="BP61" s="325"/>
      <c r="BQ61" s="325"/>
      <c r="BR61" s="325"/>
      <c r="BS61" s="367"/>
      <c r="BT61" s="367"/>
      <c r="BU61" s="367"/>
      <c r="BV61" s="367"/>
      <c r="BW61" s="367"/>
      <c r="BX61" s="367"/>
      <c r="BY61" s="367"/>
      <c r="BZ61" s="367"/>
      <c r="CA61" s="367"/>
      <c r="CB61" s="367"/>
      <c r="CC61" s="367"/>
      <c r="CD61" s="367"/>
      <c r="CE61" s="367"/>
      <c r="CF61" s="367"/>
      <c r="CG61" s="367"/>
      <c r="CH61" s="367"/>
      <c r="CI61" s="367"/>
      <c r="CJ61" s="367"/>
      <c r="CK61" s="367"/>
      <c r="CL61" s="367"/>
      <c r="CM61" s="367"/>
      <c r="CN61" s="327"/>
      <c r="CO61" s="327"/>
      <c r="CP61" s="327"/>
      <c r="CQ61" s="327"/>
      <c r="CR61" s="327"/>
      <c r="EQ61" s="19"/>
      <c r="ER61" s="19"/>
      <c r="ES61" s="19"/>
      <c r="ET61" s="14"/>
    </row>
    <row r="62" spans="1:151" s="8" customFormat="1" ht="8.25" customHeight="1" x14ac:dyDescent="0.55000000000000004">
      <c r="A62" s="360"/>
      <c r="B62" s="361"/>
      <c r="C62" s="362"/>
      <c r="D62" s="317"/>
      <c r="E62" s="318"/>
      <c r="F62" s="318"/>
      <c r="G62" s="318"/>
      <c r="H62" s="318"/>
      <c r="I62" s="318"/>
      <c r="J62" s="318"/>
      <c r="K62" s="318"/>
      <c r="L62" s="318"/>
      <c r="M62" s="318"/>
      <c r="N62" s="318"/>
      <c r="O62" s="318"/>
      <c r="P62" s="318"/>
      <c r="Q62" s="318"/>
      <c r="R62" s="318"/>
      <c r="S62" s="318"/>
      <c r="T62" s="318"/>
      <c r="U62" s="318"/>
      <c r="V62" s="318"/>
      <c r="W62" s="318"/>
      <c r="X62" s="318"/>
      <c r="Y62" s="318"/>
      <c r="Z62" s="318"/>
      <c r="AA62" s="318"/>
      <c r="AB62" s="318"/>
      <c r="AC62" s="318"/>
      <c r="AD62" s="318"/>
      <c r="AE62" s="319"/>
      <c r="AF62" s="464" t="s">
        <v>188</v>
      </c>
      <c r="AG62" s="465"/>
      <c r="AH62" s="465"/>
      <c r="AI62" s="465"/>
      <c r="AJ62" s="465"/>
      <c r="AK62" s="465"/>
      <c r="AL62" s="465" t="s">
        <v>142</v>
      </c>
      <c r="AM62" s="465"/>
      <c r="AN62" s="465"/>
      <c r="AO62" s="465"/>
      <c r="AP62" s="465"/>
      <c r="AQ62" s="465"/>
      <c r="AR62" s="465"/>
      <c r="AS62" s="465"/>
      <c r="AT62" s="465"/>
      <c r="AU62" s="468"/>
      <c r="AV62" s="331"/>
      <c r="AW62" s="332"/>
      <c r="AX62" s="332"/>
      <c r="AY62" s="332"/>
      <c r="AZ62" s="332"/>
      <c r="BA62" s="332"/>
      <c r="BB62" s="336"/>
      <c r="BC62" s="336"/>
      <c r="BD62" s="332"/>
      <c r="BE62" s="332"/>
      <c r="BF62" s="332"/>
      <c r="BG62" s="332"/>
      <c r="BH62" s="332"/>
      <c r="BI62" s="332"/>
      <c r="BJ62" s="332"/>
      <c r="BK62" s="332"/>
      <c r="BL62" s="332"/>
      <c r="BM62" s="339"/>
      <c r="BN62" s="325"/>
      <c r="BO62" s="325"/>
      <c r="BP62" s="325"/>
      <c r="BQ62" s="325"/>
      <c r="BR62" s="325"/>
      <c r="BS62" s="367"/>
      <c r="BT62" s="367"/>
      <c r="BU62" s="367"/>
      <c r="BV62" s="367"/>
      <c r="BW62" s="367"/>
      <c r="BX62" s="367"/>
      <c r="BY62" s="367"/>
      <c r="BZ62" s="367"/>
      <c r="CA62" s="367"/>
      <c r="CB62" s="367"/>
      <c r="CC62" s="367"/>
      <c r="CD62" s="367"/>
      <c r="CE62" s="367"/>
      <c r="CF62" s="367"/>
      <c r="CG62" s="367"/>
      <c r="CH62" s="367"/>
      <c r="CI62" s="367"/>
      <c r="CJ62" s="367"/>
      <c r="CK62" s="367"/>
      <c r="CL62" s="367"/>
      <c r="CM62" s="367"/>
      <c r="CN62" s="327"/>
      <c r="CO62" s="327"/>
      <c r="CP62" s="327"/>
      <c r="CQ62" s="327"/>
      <c r="CR62" s="327"/>
      <c r="EQ62" s="19"/>
      <c r="ER62" s="19"/>
      <c r="ES62" s="19"/>
      <c r="ET62" s="14"/>
    </row>
    <row r="63" spans="1:151" s="8" customFormat="1" ht="8.25" customHeight="1" x14ac:dyDescent="0.55000000000000004">
      <c r="A63" s="360"/>
      <c r="B63" s="361"/>
      <c r="C63" s="362"/>
      <c r="D63" s="317"/>
      <c r="E63" s="318"/>
      <c r="F63" s="318"/>
      <c r="G63" s="318"/>
      <c r="H63" s="318"/>
      <c r="I63" s="318"/>
      <c r="J63" s="318"/>
      <c r="K63" s="318"/>
      <c r="L63" s="318"/>
      <c r="M63" s="318"/>
      <c r="N63" s="318"/>
      <c r="O63" s="318"/>
      <c r="P63" s="318"/>
      <c r="Q63" s="318"/>
      <c r="R63" s="318"/>
      <c r="S63" s="318"/>
      <c r="T63" s="318"/>
      <c r="U63" s="318"/>
      <c r="V63" s="318"/>
      <c r="W63" s="318"/>
      <c r="X63" s="318"/>
      <c r="Y63" s="318"/>
      <c r="Z63" s="318"/>
      <c r="AA63" s="318"/>
      <c r="AB63" s="318"/>
      <c r="AC63" s="318"/>
      <c r="AD63" s="318"/>
      <c r="AE63" s="319"/>
      <c r="AF63" s="464"/>
      <c r="AG63" s="465"/>
      <c r="AH63" s="465"/>
      <c r="AI63" s="465"/>
      <c r="AJ63" s="465"/>
      <c r="AK63" s="465"/>
      <c r="AL63" s="465"/>
      <c r="AM63" s="465"/>
      <c r="AN63" s="465"/>
      <c r="AO63" s="465"/>
      <c r="AP63" s="465"/>
      <c r="AQ63" s="465"/>
      <c r="AR63" s="465"/>
      <c r="AS63" s="465"/>
      <c r="AT63" s="465"/>
      <c r="AU63" s="468"/>
      <c r="AV63" s="331"/>
      <c r="AW63" s="332"/>
      <c r="AX63" s="332"/>
      <c r="AY63" s="332"/>
      <c r="AZ63" s="332"/>
      <c r="BA63" s="332"/>
      <c r="BB63" s="336"/>
      <c r="BC63" s="336"/>
      <c r="BD63" s="332"/>
      <c r="BE63" s="332"/>
      <c r="BF63" s="332"/>
      <c r="BG63" s="332"/>
      <c r="BH63" s="332"/>
      <c r="BI63" s="332"/>
      <c r="BJ63" s="332"/>
      <c r="BK63" s="332"/>
      <c r="BL63" s="332"/>
      <c r="BM63" s="339"/>
      <c r="BN63" s="325"/>
      <c r="BO63" s="325"/>
      <c r="BP63" s="325"/>
      <c r="BQ63" s="325"/>
      <c r="BR63" s="325"/>
      <c r="BS63" s="367"/>
      <c r="BT63" s="367"/>
      <c r="BU63" s="367"/>
      <c r="BV63" s="367"/>
      <c r="BW63" s="367"/>
      <c r="BX63" s="367"/>
      <c r="BY63" s="367"/>
      <c r="BZ63" s="367"/>
      <c r="CA63" s="367"/>
      <c r="CB63" s="367"/>
      <c r="CC63" s="367"/>
      <c r="CD63" s="367"/>
      <c r="CE63" s="367"/>
      <c r="CF63" s="367"/>
      <c r="CG63" s="367"/>
      <c r="CH63" s="367"/>
      <c r="CI63" s="367"/>
      <c r="CJ63" s="367"/>
      <c r="CK63" s="367"/>
      <c r="CL63" s="367"/>
      <c r="CM63" s="367"/>
      <c r="CN63" s="327"/>
      <c r="CO63" s="327"/>
      <c r="CP63" s="327"/>
      <c r="CQ63" s="327"/>
      <c r="CR63" s="327"/>
      <c r="EQ63" s="19"/>
      <c r="ER63" s="19"/>
      <c r="ES63" s="19"/>
      <c r="ET63" s="14"/>
    </row>
    <row r="64" spans="1:151" s="8" customFormat="1" ht="8.25" customHeight="1" x14ac:dyDescent="0.55000000000000004">
      <c r="A64" s="360"/>
      <c r="B64" s="361"/>
      <c r="C64" s="362"/>
      <c r="D64" s="320"/>
      <c r="E64" s="321"/>
      <c r="F64" s="321"/>
      <c r="G64" s="321"/>
      <c r="H64" s="321"/>
      <c r="I64" s="321"/>
      <c r="J64" s="321"/>
      <c r="K64" s="321"/>
      <c r="L64" s="321"/>
      <c r="M64" s="321"/>
      <c r="N64" s="321"/>
      <c r="O64" s="321"/>
      <c r="P64" s="321"/>
      <c r="Q64" s="321"/>
      <c r="R64" s="321"/>
      <c r="S64" s="321"/>
      <c r="T64" s="321"/>
      <c r="U64" s="321"/>
      <c r="V64" s="321"/>
      <c r="W64" s="321"/>
      <c r="X64" s="321"/>
      <c r="Y64" s="321"/>
      <c r="Z64" s="321"/>
      <c r="AA64" s="321"/>
      <c r="AB64" s="321"/>
      <c r="AC64" s="321"/>
      <c r="AD64" s="321"/>
      <c r="AE64" s="322"/>
      <c r="AF64" s="466"/>
      <c r="AG64" s="467"/>
      <c r="AH64" s="467"/>
      <c r="AI64" s="467"/>
      <c r="AJ64" s="467"/>
      <c r="AK64" s="467"/>
      <c r="AL64" s="467"/>
      <c r="AM64" s="467"/>
      <c r="AN64" s="467"/>
      <c r="AO64" s="467"/>
      <c r="AP64" s="467"/>
      <c r="AQ64" s="467"/>
      <c r="AR64" s="467"/>
      <c r="AS64" s="467"/>
      <c r="AT64" s="467"/>
      <c r="AU64" s="469"/>
      <c r="AV64" s="333"/>
      <c r="AW64" s="334"/>
      <c r="AX64" s="334"/>
      <c r="AY64" s="334"/>
      <c r="AZ64" s="334"/>
      <c r="BA64" s="334"/>
      <c r="BB64" s="337"/>
      <c r="BC64" s="337"/>
      <c r="BD64" s="334"/>
      <c r="BE64" s="334"/>
      <c r="BF64" s="334"/>
      <c r="BG64" s="334"/>
      <c r="BH64" s="334"/>
      <c r="BI64" s="334"/>
      <c r="BJ64" s="334"/>
      <c r="BK64" s="334"/>
      <c r="BL64" s="334"/>
      <c r="BM64" s="340"/>
      <c r="BN64" s="326"/>
      <c r="BO64" s="326"/>
      <c r="BP64" s="326"/>
      <c r="BQ64" s="326"/>
      <c r="BR64" s="326"/>
      <c r="BS64" s="368"/>
      <c r="BT64" s="368"/>
      <c r="BU64" s="368"/>
      <c r="BV64" s="368"/>
      <c r="BW64" s="368"/>
      <c r="BX64" s="368"/>
      <c r="BY64" s="368"/>
      <c r="BZ64" s="368"/>
      <c r="CA64" s="368"/>
      <c r="CB64" s="368"/>
      <c r="CC64" s="368"/>
      <c r="CD64" s="368"/>
      <c r="CE64" s="368"/>
      <c r="CF64" s="368"/>
      <c r="CG64" s="368"/>
      <c r="CH64" s="368"/>
      <c r="CI64" s="368"/>
      <c r="CJ64" s="368"/>
      <c r="CK64" s="368"/>
      <c r="CL64" s="368"/>
      <c r="CM64" s="368"/>
      <c r="CN64" s="328"/>
      <c r="CO64" s="328"/>
      <c r="CP64" s="328"/>
      <c r="CQ64" s="328"/>
      <c r="CR64" s="328"/>
      <c r="EQ64" s="19"/>
      <c r="ER64" s="19"/>
      <c r="ES64" s="19"/>
      <c r="ET64" s="14"/>
    </row>
    <row r="65" spans="1:159" s="8" customFormat="1" ht="13.5" customHeight="1" x14ac:dyDescent="0.55000000000000004">
      <c r="A65" s="360"/>
      <c r="B65" s="361"/>
      <c r="C65" s="362"/>
      <c r="D65" s="341"/>
      <c r="E65" s="342"/>
      <c r="F65" s="342"/>
      <c r="G65" s="342"/>
      <c r="H65" s="342"/>
      <c r="I65" s="342"/>
      <c r="J65" s="342"/>
      <c r="K65" s="342"/>
      <c r="L65" s="342"/>
      <c r="M65" s="342"/>
      <c r="N65" s="342"/>
      <c r="O65" s="342"/>
      <c r="P65" s="342"/>
      <c r="Q65" s="342"/>
      <c r="R65" s="342"/>
      <c r="S65" s="342"/>
      <c r="T65" s="342"/>
      <c r="U65" s="342"/>
      <c r="V65" s="342"/>
      <c r="W65" s="342"/>
      <c r="X65" s="342"/>
      <c r="Y65" s="342"/>
      <c r="Z65" s="342"/>
      <c r="AA65" s="342"/>
      <c r="AB65" s="342"/>
      <c r="AC65" s="342"/>
      <c r="AD65" s="342"/>
      <c r="AE65" s="343"/>
      <c r="AF65" s="344"/>
      <c r="AG65" s="345"/>
      <c r="AH65" s="477" t="s">
        <v>141</v>
      </c>
      <c r="AI65" s="478"/>
      <c r="AJ65" s="481" t="s">
        <v>185</v>
      </c>
      <c r="AK65" s="481"/>
      <c r="AL65" s="481"/>
      <c r="AM65" s="481"/>
      <c r="AN65" s="481" t="s">
        <v>186</v>
      </c>
      <c r="AO65" s="481"/>
      <c r="AP65" s="481"/>
      <c r="AQ65" s="481"/>
      <c r="AR65" s="481" t="s">
        <v>187</v>
      </c>
      <c r="AS65" s="481"/>
      <c r="AT65" s="481"/>
      <c r="AU65" s="483"/>
      <c r="AV65" s="329"/>
      <c r="AW65" s="330"/>
      <c r="AX65" s="330"/>
      <c r="AY65" s="330"/>
      <c r="AZ65" s="330"/>
      <c r="BA65" s="330"/>
      <c r="BB65" s="335" t="s">
        <v>131</v>
      </c>
      <c r="BC65" s="335"/>
      <c r="BD65" s="330"/>
      <c r="BE65" s="330"/>
      <c r="BF65" s="330"/>
      <c r="BG65" s="330" t="s">
        <v>133</v>
      </c>
      <c r="BH65" s="330"/>
      <c r="BI65" s="330"/>
      <c r="BJ65" s="330"/>
      <c r="BK65" s="330"/>
      <c r="BL65" s="330" t="s">
        <v>132</v>
      </c>
      <c r="BM65" s="338"/>
      <c r="BN65" s="323" t="s">
        <v>189</v>
      </c>
      <c r="BO65" s="324"/>
      <c r="BP65" s="324"/>
      <c r="BQ65" s="324"/>
      <c r="BR65" s="324"/>
      <c r="BS65" s="366"/>
      <c r="BT65" s="366"/>
      <c r="BU65" s="366"/>
      <c r="BV65" s="366"/>
      <c r="BW65" s="366"/>
      <c r="BX65" s="366"/>
      <c r="BY65" s="366"/>
      <c r="BZ65" s="366"/>
      <c r="CA65" s="366"/>
      <c r="CB65" s="366"/>
      <c r="CC65" s="366"/>
      <c r="CD65" s="366"/>
      <c r="CE65" s="366"/>
      <c r="CF65" s="366"/>
      <c r="CG65" s="366"/>
      <c r="CH65" s="366"/>
      <c r="CI65" s="366"/>
      <c r="CJ65" s="366"/>
      <c r="CK65" s="366"/>
      <c r="CL65" s="366"/>
      <c r="CM65" s="366"/>
      <c r="CN65" s="323" t="s">
        <v>190</v>
      </c>
      <c r="CO65" s="323"/>
      <c r="CP65" s="323"/>
      <c r="CQ65" s="323"/>
      <c r="CR65" s="323"/>
      <c r="EQ65" s="19"/>
      <c r="ER65" s="19"/>
      <c r="ES65" s="19"/>
      <c r="ET65" s="14"/>
    </row>
    <row r="66" spans="1:159" s="8" customFormat="1" ht="8.25" customHeight="1" x14ac:dyDescent="0.55000000000000004">
      <c r="A66" s="360"/>
      <c r="B66" s="361"/>
      <c r="C66" s="362"/>
      <c r="D66" s="314"/>
      <c r="E66" s="315"/>
      <c r="F66" s="315"/>
      <c r="G66" s="315"/>
      <c r="H66" s="315"/>
      <c r="I66" s="315"/>
      <c r="J66" s="315"/>
      <c r="K66" s="315"/>
      <c r="L66" s="315"/>
      <c r="M66" s="315"/>
      <c r="N66" s="315"/>
      <c r="O66" s="315"/>
      <c r="P66" s="315"/>
      <c r="Q66" s="315"/>
      <c r="R66" s="315"/>
      <c r="S66" s="315"/>
      <c r="T66" s="315"/>
      <c r="U66" s="315"/>
      <c r="V66" s="315"/>
      <c r="W66" s="315"/>
      <c r="X66" s="315"/>
      <c r="Y66" s="315"/>
      <c r="Z66" s="315"/>
      <c r="AA66" s="315"/>
      <c r="AB66" s="315"/>
      <c r="AC66" s="315"/>
      <c r="AD66" s="315"/>
      <c r="AE66" s="316"/>
      <c r="AF66" s="346"/>
      <c r="AG66" s="347"/>
      <c r="AH66" s="479"/>
      <c r="AI66" s="480"/>
      <c r="AJ66" s="482"/>
      <c r="AK66" s="482"/>
      <c r="AL66" s="482"/>
      <c r="AM66" s="482"/>
      <c r="AN66" s="482"/>
      <c r="AO66" s="482"/>
      <c r="AP66" s="482"/>
      <c r="AQ66" s="482"/>
      <c r="AR66" s="482"/>
      <c r="AS66" s="482"/>
      <c r="AT66" s="482"/>
      <c r="AU66" s="484"/>
      <c r="AV66" s="331"/>
      <c r="AW66" s="332"/>
      <c r="AX66" s="332"/>
      <c r="AY66" s="332"/>
      <c r="AZ66" s="332"/>
      <c r="BA66" s="332"/>
      <c r="BB66" s="336"/>
      <c r="BC66" s="336"/>
      <c r="BD66" s="332"/>
      <c r="BE66" s="332"/>
      <c r="BF66" s="332"/>
      <c r="BG66" s="332"/>
      <c r="BH66" s="332"/>
      <c r="BI66" s="332"/>
      <c r="BJ66" s="332"/>
      <c r="BK66" s="332"/>
      <c r="BL66" s="332"/>
      <c r="BM66" s="339"/>
      <c r="BN66" s="325"/>
      <c r="BO66" s="325"/>
      <c r="BP66" s="325"/>
      <c r="BQ66" s="325"/>
      <c r="BR66" s="325"/>
      <c r="BS66" s="367"/>
      <c r="BT66" s="367"/>
      <c r="BU66" s="367"/>
      <c r="BV66" s="367"/>
      <c r="BW66" s="367"/>
      <c r="BX66" s="367"/>
      <c r="BY66" s="367"/>
      <c r="BZ66" s="367"/>
      <c r="CA66" s="367"/>
      <c r="CB66" s="367"/>
      <c r="CC66" s="367"/>
      <c r="CD66" s="367"/>
      <c r="CE66" s="367"/>
      <c r="CF66" s="367"/>
      <c r="CG66" s="367"/>
      <c r="CH66" s="367"/>
      <c r="CI66" s="367"/>
      <c r="CJ66" s="367"/>
      <c r="CK66" s="367"/>
      <c r="CL66" s="367"/>
      <c r="CM66" s="367"/>
      <c r="CN66" s="327"/>
      <c r="CO66" s="327"/>
      <c r="CP66" s="327"/>
      <c r="CQ66" s="327"/>
      <c r="CR66" s="327"/>
      <c r="EQ66" s="19"/>
      <c r="ER66" s="19"/>
      <c r="ES66" s="19"/>
      <c r="ET66" s="14"/>
    </row>
    <row r="67" spans="1:159" s="8" customFormat="1" ht="8.25" customHeight="1" x14ac:dyDescent="0.55000000000000004">
      <c r="A67" s="360"/>
      <c r="B67" s="361"/>
      <c r="C67" s="362"/>
      <c r="D67" s="317"/>
      <c r="E67" s="318"/>
      <c r="F67" s="318"/>
      <c r="G67" s="318"/>
      <c r="H67" s="318"/>
      <c r="I67" s="318"/>
      <c r="J67" s="318"/>
      <c r="K67" s="318"/>
      <c r="L67" s="318"/>
      <c r="M67" s="318"/>
      <c r="N67" s="318"/>
      <c r="O67" s="318"/>
      <c r="P67" s="318"/>
      <c r="Q67" s="318"/>
      <c r="R67" s="318"/>
      <c r="S67" s="318"/>
      <c r="T67" s="318"/>
      <c r="U67" s="318"/>
      <c r="V67" s="318"/>
      <c r="W67" s="318"/>
      <c r="X67" s="318"/>
      <c r="Y67" s="318"/>
      <c r="Z67" s="318"/>
      <c r="AA67" s="318"/>
      <c r="AB67" s="318"/>
      <c r="AC67" s="318"/>
      <c r="AD67" s="318"/>
      <c r="AE67" s="319"/>
      <c r="AF67" s="464" t="s">
        <v>188</v>
      </c>
      <c r="AG67" s="465"/>
      <c r="AH67" s="465"/>
      <c r="AI67" s="465"/>
      <c r="AJ67" s="465"/>
      <c r="AK67" s="465"/>
      <c r="AL67" s="465" t="s">
        <v>142</v>
      </c>
      <c r="AM67" s="465"/>
      <c r="AN67" s="465"/>
      <c r="AO67" s="465"/>
      <c r="AP67" s="465"/>
      <c r="AQ67" s="465"/>
      <c r="AR67" s="465"/>
      <c r="AS67" s="465"/>
      <c r="AT67" s="465"/>
      <c r="AU67" s="468"/>
      <c r="AV67" s="331"/>
      <c r="AW67" s="332"/>
      <c r="AX67" s="332"/>
      <c r="AY67" s="332"/>
      <c r="AZ67" s="332"/>
      <c r="BA67" s="332"/>
      <c r="BB67" s="336"/>
      <c r="BC67" s="336"/>
      <c r="BD67" s="332"/>
      <c r="BE67" s="332"/>
      <c r="BF67" s="332"/>
      <c r="BG67" s="332"/>
      <c r="BH67" s="332"/>
      <c r="BI67" s="332"/>
      <c r="BJ67" s="332"/>
      <c r="BK67" s="332"/>
      <c r="BL67" s="332"/>
      <c r="BM67" s="339"/>
      <c r="BN67" s="325"/>
      <c r="BO67" s="325"/>
      <c r="BP67" s="325"/>
      <c r="BQ67" s="325"/>
      <c r="BR67" s="325"/>
      <c r="BS67" s="367"/>
      <c r="BT67" s="367"/>
      <c r="BU67" s="367"/>
      <c r="BV67" s="367"/>
      <c r="BW67" s="367"/>
      <c r="BX67" s="367"/>
      <c r="BY67" s="367"/>
      <c r="BZ67" s="367"/>
      <c r="CA67" s="367"/>
      <c r="CB67" s="367"/>
      <c r="CC67" s="367"/>
      <c r="CD67" s="367"/>
      <c r="CE67" s="367"/>
      <c r="CF67" s="367"/>
      <c r="CG67" s="367"/>
      <c r="CH67" s="367"/>
      <c r="CI67" s="367"/>
      <c r="CJ67" s="367"/>
      <c r="CK67" s="367"/>
      <c r="CL67" s="367"/>
      <c r="CM67" s="367"/>
      <c r="CN67" s="327"/>
      <c r="CO67" s="327"/>
      <c r="CP67" s="327"/>
      <c r="CQ67" s="327"/>
      <c r="CR67" s="327"/>
      <c r="EQ67" s="19"/>
      <c r="ER67" s="19"/>
      <c r="ES67" s="19"/>
      <c r="ET67" s="14"/>
    </row>
    <row r="68" spans="1:159" s="8" customFormat="1" ht="8.25" customHeight="1" x14ac:dyDescent="0.55000000000000004">
      <c r="A68" s="360"/>
      <c r="B68" s="361"/>
      <c r="C68" s="362"/>
      <c r="D68" s="317"/>
      <c r="E68" s="318"/>
      <c r="F68" s="318"/>
      <c r="G68" s="318"/>
      <c r="H68" s="318"/>
      <c r="I68" s="318"/>
      <c r="J68" s="318"/>
      <c r="K68" s="318"/>
      <c r="L68" s="318"/>
      <c r="M68" s="318"/>
      <c r="N68" s="318"/>
      <c r="O68" s="318"/>
      <c r="P68" s="318"/>
      <c r="Q68" s="318"/>
      <c r="R68" s="318"/>
      <c r="S68" s="318"/>
      <c r="T68" s="318"/>
      <c r="U68" s="318"/>
      <c r="V68" s="318"/>
      <c r="W68" s="318"/>
      <c r="X68" s="318"/>
      <c r="Y68" s="318"/>
      <c r="Z68" s="318"/>
      <c r="AA68" s="318"/>
      <c r="AB68" s="318"/>
      <c r="AC68" s="318"/>
      <c r="AD68" s="318"/>
      <c r="AE68" s="319"/>
      <c r="AF68" s="464"/>
      <c r="AG68" s="465"/>
      <c r="AH68" s="465"/>
      <c r="AI68" s="465"/>
      <c r="AJ68" s="465"/>
      <c r="AK68" s="465"/>
      <c r="AL68" s="465"/>
      <c r="AM68" s="465"/>
      <c r="AN68" s="465"/>
      <c r="AO68" s="465"/>
      <c r="AP68" s="465"/>
      <c r="AQ68" s="465"/>
      <c r="AR68" s="465"/>
      <c r="AS68" s="465"/>
      <c r="AT68" s="465"/>
      <c r="AU68" s="468"/>
      <c r="AV68" s="331"/>
      <c r="AW68" s="332"/>
      <c r="AX68" s="332"/>
      <c r="AY68" s="332"/>
      <c r="AZ68" s="332"/>
      <c r="BA68" s="332"/>
      <c r="BB68" s="336"/>
      <c r="BC68" s="336"/>
      <c r="BD68" s="332"/>
      <c r="BE68" s="332"/>
      <c r="BF68" s="332"/>
      <c r="BG68" s="332"/>
      <c r="BH68" s="332"/>
      <c r="BI68" s="332"/>
      <c r="BJ68" s="332"/>
      <c r="BK68" s="332"/>
      <c r="BL68" s="332"/>
      <c r="BM68" s="339"/>
      <c r="BN68" s="325"/>
      <c r="BO68" s="325"/>
      <c r="BP68" s="325"/>
      <c r="BQ68" s="325"/>
      <c r="BR68" s="325"/>
      <c r="BS68" s="367"/>
      <c r="BT68" s="367"/>
      <c r="BU68" s="367"/>
      <c r="BV68" s="367"/>
      <c r="BW68" s="367"/>
      <c r="BX68" s="367"/>
      <c r="BY68" s="367"/>
      <c r="BZ68" s="367"/>
      <c r="CA68" s="367"/>
      <c r="CB68" s="367"/>
      <c r="CC68" s="367"/>
      <c r="CD68" s="367"/>
      <c r="CE68" s="367"/>
      <c r="CF68" s="367"/>
      <c r="CG68" s="367"/>
      <c r="CH68" s="367"/>
      <c r="CI68" s="367"/>
      <c r="CJ68" s="367"/>
      <c r="CK68" s="367"/>
      <c r="CL68" s="367"/>
      <c r="CM68" s="367"/>
      <c r="CN68" s="327"/>
      <c r="CO68" s="327"/>
      <c r="CP68" s="327"/>
      <c r="CQ68" s="327"/>
      <c r="CR68" s="327"/>
      <c r="EQ68" s="19"/>
      <c r="ER68" s="19"/>
      <c r="ES68" s="19"/>
      <c r="ET68" s="14"/>
    </row>
    <row r="69" spans="1:159" s="8" customFormat="1" ht="8.25" customHeight="1" x14ac:dyDescent="0.55000000000000004">
      <c r="A69" s="360"/>
      <c r="B69" s="361"/>
      <c r="C69" s="362"/>
      <c r="D69" s="320"/>
      <c r="E69" s="321"/>
      <c r="F69" s="321"/>
      <c r="G69" s="321"/>
      <c r="H69" s="321"/>
      <c r="I69" s="321"/>
      <c r="J69" s="321"/>
      <c r="K69" s="321"/>
      <c r="L69" s="321"/>
      <c r="M69" s="321"/>
      <c r="N69" s="321"/>
      <c r="O69" s="321"/>
      <c r="P69" s="321"/>
      <c r="Q69" s="321"/>
      <c r="R69" s="321"/>
      <c r="S69" s="321"/>
      <c r="T69" s="321"/>
      <c r="U69" s="321"/>
      <c r="V69" s="321"/>
      <c r="W69" s="321"/>
      <c r="X69" s="321"/>
      <c r="Y69" s="321"/>
      <c r="Z69" s="321"/>
      <c r="AA69" s="321"/>
      <c r="AB69" s="321"/>
      <c r="AC69" s="321"/>
      <c r="AD69" s="321"/>
      <c r="AE69" s="322"/>
      <c r="AF69" s="466"/>
      <c r="AG69" s="467"/>
      <c r="AH69" s="467"/>
      <c r="AI69" s="467"/>
      <c r="AJ69" s="467"/>
      <c r="AK69" s="467"/>
      <c r="AL69" s="467"/>
      <c r="AM69" s="467"/>
      <c r="AN69" s="467"/>
      <c r="AO69" s="467"/>
      <c r="AP69" s="467"/>
      <c r="AQ69" s="467"/>
      <c r="AR69" s="467"/>
      <c r="AS69" s="467"/>
      <c r="AT69" s="467"/>
      <c r="AU69" s="469"/>
      <c r="AV69" s="333"/>
      <c r="AW69" s="334"/>
      <c r="AX69" s="334"/>
      <c r="AY69" s="334"/>
      <c r="AZ69" s="334"/>
      <c r="BA69" s="334"/>
      <c r="BB69" s="337"/>
      <c r="BC69" s="337"/>
      <c r="BD69" s="334"/>
      <c r="BE69" s="334"/>
      <c r="BF69" s="334"/>
      <c r="BG69" s="334"/>
      <c r="BH69" s="334"/>
      <c r="BI69" s="334"/>
      <c r="BJ69" s="334"/>
      <c r="BK69" s="334"/>
      <c r="BL69" s="334"/>
      <c r="BM69" s="340"/>
      <c r="BN69" s="326"/>
      <c r="BO69" s="326"/>
      <c r="BP69" s="326"/>
      <c r="BQ69" s="326"/>
      <c r="BR69" s="326"/>
      <c r="BS69" s="368"/>
      <c r="BT69" s="368"/>
      <c r="BU69" s="368"/>
      <c r="BV69" s="368"/>
      <c r="BW69" s="368"/>
      <c r="BX69" s="368"/>
      <c r="BY69" s="368"/>
      <c r="BZ69" s="368"/>
      <c r="CA69" s="368"/>
      <c r="CB69" s="368"/>
      <c r="CC69" s="368"/>
      <c r="CD69" s="368"/>
      <c r="CE69" s="368"/>
      <c r="CF69" s="368"/>
      <c r="CG69" s="368"/>
      <c r="CH69" s="368"/>
      <c r="CI69" s="368"/>
      <c r="CJ69" s="368"/>
      <c r="CK69" s="368"/>
      <c r="CL69" s="368"/>
      <c r="CM69" s="368"/>
      <c r="CN69" s="328"/>
      <c r="CO69" s="328"/>
      <c r="CP69" s="328"/>
      <c r="CQ69" s="328"/>
      <c r="CR69" s="328"/>
      <c r="EQ69" s="19"/>
      <c r="ER69" s="19"/>
      <c r="ES69" s="19"/>
      <c r="ET69" s="14"/>
    </row>
    <row r="70" spans="1:159" s="8" customFormat="1" ht="12" customHeight="1" x14ac:dyDescent="0.55000000000000004">
      <c r="A70" s="360"/>
      <c r="B70" s="361"/>
      <c r="C70" s="362"/>
      <c r="D70" s="341"/>
      <c r="E70" s="342"/>
      <c r="F70" s="342"/>
      <c r="G70" s="342"/>
      <c r="H70" s="342"/>
      <c r="I70" s="342"/>
      <c r="J70" s="342"/>
      <c r="K70" s="342"/>
      <c r="L70" s="342"/>
      <c r="M70" s="342"/>
      <c r="N70" s="342"/>
      <c r="O70" s="342"/>
      <c r="P70" s="342"/>
      <c r="Q70" s="342"/>
      <c r="R70" s="342"/>
      <c r="S70" s="342"/>
      <c r="T70" s="342"/>
      <c r="U70" s="342"/>
      <c r="V70" s="342"/>
      <c r="W70" s="342"/>
      <c r="X70" s="342"/>
      <c r="Y70" s="342"/>
      <c r="Z70" s="342"/>
      <c r="AA70" s="342"/>
      <c r="AB70" s="342"/>
      <c r="AC70" s="342"/>
      <c r="AD70" s="342"/>
      <c r="AE70" s="343"/>
      <c r="AF70" s="344"/>
      <c r="AG70" s="345"/>
      <c r="AH70" s="477" t="s">
        <v>141</v>
      </c>
      <c r="AI70" s="478"/>
      <c r="AJ70" s="481" t="s">
        <v>185</v>
      </c>
      <c r="AK70" s="481"/>
      <c r="AL70" s="481"/>
      <c r="AM70" s="481"/>
      <c r="AN70" s="481" t="s">
        <v>186</v>
      </c>
      <c r="AO70" s="481"/>
      <c r="AP70" s="481"/>
      <c r="AQ70" s="481"/>
      <c r="AR70" s="481" t="s">
        <v>187</v>
      </c>
      <c r="AS70" s="481"/>
      <c r="AT70" s="481"/>
      <c r="AU70" s="483"/>
      <c r="AV70" s="329"/>
      <c r="AW70" s="330"/>
      <c r="AX70" s="330"/>
      <c r="AY70" s="330"/>
      <c r="AZ70" s="330"/>
      <c r="BA70" s="330"/>
      <c r="BB70" s="335" t="s">
        <v>131</v>
      </c>
      <c r="BC70" s="335"/>
      <c r="BD70" s="330"/>
      <c r="BE70" s="330"/>
      <c r="BF70" s="330"/>
      <c r="BG70" s="330" t="s">
        <v>133</v>
      </c>
      <c r="BH70" s="330"/>
      <c r="BI70" s="330"/>
      <c r="BJ70" s="330"/>
      <c r="BK70" s="330"/>
      <c r="BL70" s="330" t="s">
        <v>132</v>
      </c>
      <c r="BM70" s="338"/>
      <c r="BN70" s="323" t="s">
        <v>189</v>
      </c>
      <c r="BO70" s="324"/>
      <c r="BP70" s="324"/>
      <c r="BQ70" s="324"/>
      <c r="BR70" s="324"/>
      <c r="BS70" s="366"/>
      <c r="BT70" s="366"/>
      <c r="BU70" s="366"/>
      <c r="BV70" s="366"/>
      <c r="BW70" s="366"/>
      <c r="BX70" s="366"/>
      <c r="BY70" s="366"/>
      <c r="BZ70" s="366"/>
      <c r="CA70" s="366"/>
      <c r="CB70" s="366"/>
      <c r="CC70" s="366"/>
      <c r="CD70" s="366"/>
      <c r="CE70" s="366"/>
      <c r="CF70" s="366"/>
      <c r="CG70" s="366"/>
      <c r="CH70" s="366"/>
      <c r="CI70" s="366"/>
      <c r="CJ70" s="366"/>
      <c r="CK70" s="366"/>
      <c r="CL70" s="366"/>
      <c r="CM70" s="366"/>
      <c r="CN70" s="323" t="s">
        <v>190</v>
      </c>
      <c r="CO70" s="323"/>
      <c r="CP70" s="323"/>
      <c r="CQ70" s="323"/>
      <c r="CR70" s="323"/>
      <c r="EQ70" s="19"/>
      <c r="ER70" s="19"/>
      <c r="ES70" s="19"/>
      <c r="ET70" s="14"/>
    </row>
    <row r="71" spans="1:159" s="8" customFormat="1" ht="8.25" customHeight="1" x14ac:dyDescent="0.55000000000000004">
      <c r="A71" s="360"/>
      <c r="B71" s="361"/>
      <c r="C71" s="362"/>
      <c r="D71" s="314"/>
      <c r="E71" s="315"/>
      <c r="F71" s="315"/>
      <c r="G71" s="315"/>
      <c r="H71" s="315"/>
      <c r="I71" s="315"/>
      <c r="J71" s="315"/>
      <c r="K71" s="315"/>
      <c r="L71" s="315"/>
      <c r="M71" s="315"/>
      <c r="N71" s="315"/>
      <c r="O71" s="315"/>
      <c r="P71" s="315"/>
      <c r="Q71" s="315"/>
      <c r="R71" s="315"/>
      <c r="S71" s="315"/>
      <c r="T71" s="315"/>
      <c r="U71" s="315"/>
      <c r="V71" s="315"/>
      <c r="W71" s="315"/>
      <c r="X71" s="315"/>
      <c r="Y71" s="315"/>
      <c r="Z71" s="315"/>
      <c r="AA71" s="315"/>
      <c r="AB71" s="315"/>
      <c r="AC71" s="315"/>
      <c r="AD71" s="315"/>
      <c r="AE71" s="316"/>
      <c r="AF71" s="346"/>
      <c r="AG71" s="347"/>
      <c r="AH71" s="479"/>
      <c r="AI71" s="480"/>
      <c r="AJ71" s="482"/>
      <c r="AK71" s="482"/>
      <c r="AL71" s="482"/>
      <c r="AM71" s="482"/>
      <c r="AN71" s="482"/>
      <c r="AO71" s="482"/>
      <c r="AP71" s="482"/>
      <c r="AQ71" s="482"/>
      <c r="AR71" s="482"/>
      <c r="AS71" s="482"/>
      <c r="AT71" s="482"/>
      <c r="AU71" s="484"/>
      <c r="AV71" s="331"/>
      <c r="AW71" s="332"/>
      <c r="AX71" s="332"/>
      <c r="AY71" s="332"/>
      <c r="AZ71" s="332"/>
      <c r="BA71" s="332"/>
      <c r="BB71" s="336"/>
      <c r="BC71" s="336"/>
      <c r="BD71" s="332"/>
      <c r="BE71" s="332"/>
      <c r="BF71" s="332"/>
      <c r="BG71" s="332"/>
      <c r="BH71" s="332"/>
      <c r="BI71" s="332"/>
      <c r="BJ71" s="332"/>
      <c r="BK71" s="332"/>
      <c r="BL71" s="332"/>
      <c r="BM71" s="339"/>
      <c r="BN71" s="325"/>
      <c r="BO71" s="325"/>
      <c r="BP71" s="325"/>
      <c r="BQ71" s="325"/>
      <c r="BR71" s="325"/>
      <c r="BS71" s="367"/>
      <c r="BT71" s="367"/>
      <c r="BU71" s="367"/>
      <c r="BV71" s="367"/>
      <c r="BW71" s="367"/>
      <c r="BX71" s="367"/>
      <c r="BY71" s="367"/>
      <c r="BZ71" s="367"/>
      <c r="CA71" s="367"/>
      <c r="CB71" s="367"/>
      <c r="CC71" s="367"/>
      <c r="CD71" s="367"/>
      <c r="CE71" s="367"/>
      <c r="CF71" s="367"/>
      <c r="CG71" s="367"/>
      <c r="CH71" s="367"/>
      <c r="CI71" s="367"/>
      <c r="CJ71" s="367"/>
      <c r="CK71" s="367"/>
      <c r="CL71" s="367"/>
      <c r="CM71" s="367"/>
      <c r="CN71" s="327"/>
      <c r="CO71" s="327"/>
      <c r="CP71" s="327"/>
      <c r="CQ71" s="327"/>
      <c r="CR71" s="327"/>
      <c r="EQ71" s="19"/>
      <c r="ER71" s="19"/>
      <c r="ES71" s="19"/>
      <c r="ET71" s="14"/>
    </row>
    <row r="72" spans="1:159" s="8" customFormat="1" ht="8.25" customHeight="1" x14ac:dyDescent="0.55000000000000004">
      <c r="A72" s="360"/>
      <c r="B72" s="361"/>
      <c r="C72" s="362"/>
      <c r="D72" s="317"/>
      <c r="E72" s="318"/>
      <c r="F72" s="318"/>
      <c r="G72" s="318"/>
      <c r="H72" s="318"/>
      <c r="I72" s="318"/>
      <c r="J72" s="318"/>
      <c r="K72" s="318"/>
      <c r="L72" s="318"/>
      <c r="M72" s="318"/>
      <c r="N72" s="318"/>
      <c r="O72" s="318"/>
      <c r="P72" s="318"/>
      <c r="Q72" s="318"/>
      <c r="R72" s="318"/>
      <c r="S72" s="318"/>
      <c r="T72" s="318"/>
      <c r="U72" s="318"/>
      <c r="V72" s="318"/>
      <c r="W72" s="318"/>
      <c r="X72" s="318"/>
      <c r="Y72" s="318"/>
      <c r="Z72" s="318"/>
      <c r="AA72" s="318"/>
      <c r="AB72" s="318"/>
      <c r="AC72" s="318"/>
      <c r="AD72" s="318"/>
      <c r="AE72" s="319"/>
      <c r="AF72" s="464" t="s">
        <v>188</v>
      </c>
      <c r="AG72" s="465"/>
      <c r="AH72" s="465"/>
      <c r="AI72" s="465"/>
      <c r="AJ72" s="465"/>
      <c r="AK72" s="465"/>
      <c r="AL72" s="465" t="s">
        <v>142</v>
      </c>
      <c r="AM72" s="465"/>
      <c r="AN72" s="465"/>
      <c r="AO72" s="465"/>
      <c r="AP72" s="465"/>
      <c r="AQ72" s="465"/>
      <c r="AR72" s="465"/>
      <c r="AS72" s="465"/>
      <c r="AT72" s="465"/>
      <c r="AU72" s="468"/>
      <c r="AV72" s="331"/>
      <c r="AW72" s="332"/>
      <c r="AX72" s="332"/>
      <c r="AY72" s="332"/>
      <c r="AZ72" s="332"/>
      <c r="BA72" s="332"/>
      <c r="BB72" s="336"/>
      <c r="BC72" s="336"/>
      <c r="BD72" s="332"/>
      <c r="BE72" s="332"/>
      <c r="BF72" s="332"/>
      <c r="BG72" s="332"/>
      <c r="BH72" s="332"/>
      <c r="BI72" s="332"/>
      <c r="BJ72" s="332"/>
      <c r="BK72" s="332"/>
      <c r="BL72" s="332"/>
      <c r="BM72" s="339"/>
      <c r="BN72" s="325"/>
      <c r="BO72" s="325"/>
      <c r="BP72" s="325"/>
      <c r="BQ72" s="325"/>
      <c r="BR72" s="325"/>
      <c r="BS72" s="367"/>
      <c r="BT72" s="367"/>
      <c r="BU72" s="367"/>
      <c r="BV72" s="367"/>
      <c r="BW72" s="367"/>
      <c r="BX72" s="367"/>
      <c r="BY72" s="367"/>
      <c r="BZ72" s="367"/>
      <c r="CA72" s="367"/>
      <c r="CB72" s="367"/>
      <c r="CC72" s="367"/>
      <c r="CD72" s="367"/>
      <c r="CE72" s="367"/>
      <c r="CF72" s="367"/>
      <c r="CG72" s="367"/>
      <c r="CH72" s="367"/>
      <c r="CI72" s="367"/>
      <c r="CJ72" s="367"/>
      <c r="CK72" s="367"/>
      <c r="CL72" s="367"/>
      <c r="CM72" s="367"/>
      <c r="CN72" s="327"/>
      <c r="CO72" s="327"/>
      <c r="CP72" s="327"/>
      <c r="CQ72" s="327"/>
      <c r="CR72" s="327"/>
      <c r="EQ72" s="19"/>
      <c r="ER72" s="19"/>
      <c r="ES72" s="19"/>
      <c r="ET72" s="14"/>
    </row>
    <row r="73" spans="1:159" s="8" customFormat="1" ht="8.25" customHeight="1" x14ac:dyDescent="0.55000000000000004">
      <c r="A73" s="360"/>
      <c r="B73" s="361"/>
      <c r="C73" s="362"/>
      <c r="D73" s="317"/>
      <c r="E73" s="318"/>
      <c r="F73" s="318"/>
      <c r="G73" s="318"/>
      <c r="H73" s="318"/>
      <c r="I73" s="318"/>
      <c r="J73" s="318"/>
      <c r="K73" s="318"/>
      <c r="L73" s="318"/>
      <c r="M73" s="318"/>
      <c r="N73" s="318"/>
      <c r="O73" s="318"/>
      <c r="P73" s="318"/>
      <c r="Q73" s="318"/>
      <c r="R73" s="318"/>
      <c r="S73" s="318"/>
      <c r="T73" s="318"/>
      <c r="U73" s="318"/>
      <c r="V73" s="318"/>
      <c r="W73" s="318"/>
      <c r="X73" s="318"/>
      <c r="Y73" s="318"/>
      <c r="Z73" s="318"/>
      <c r="AA73" s="318"/>
      <c r="AB73" s="318"/>
      <c r="AC73" s="318"/>
      <c r="AD73" s="318"/>
      <c r="AE73" s="319"/>
      <c r="AF73" s="464"/>
      <c r="AG73" s="465"/>
      <c r="AH73" s="465"/>
      <c r="AI73" s="465"/>
      <c r="AJ73" s="465"/>
      <c r="AK73" s="465"/>
      <c r="AL73" s="465"/>
      <c r="AM73" s="465"/>
      <c r="AN73" s="465"/>
      <c r="AO73" s="465"/>
      <c r="AP73" s="465"/>
      <c r="AQ73" s="465"/>
      <c r="AR73" s="465"/>
      <c r="AS73" s="465"/>
      <c r="AT73" s="465"/>
      <c r="AU73" s="468"/>
      <c r="AV73" s="331"/>
      <c r="AW73" s="332"/>
      <c r="AX73" s="332"/>
      <c r="AY73" s="332"/>
      <c r="AZ73" s="332"/>
      <c r="BA73" s="332"/>
      <c r="BB73" s="336"/>
      <c r="BC73" s="336"/>
      <c r="BD73" s="332"/>
      <c r="BE73" s="332"/>
      <c r="BF73" s="332"/>
      <c r="BG73" s="332"/>
      <c r="BH73" s="332"/>
      <c r="BI73" s="332"/>
      <c r="BJ73" s="332"/>
      <c r="BK73" s="332"/>
      <c r="BL73" s="332"/>
      <c r="BM73" s="339"/>
      <c r="BN73" s="325"/>
      <c r="BO73" s="325"/>
      <c r="BP73" s="325"/>
      <c r="BQ73" s="325"/>
      <c r="BR73" s="325"/>
      <c r="BS73" s="367"/>
      <c r="BT73" s="367"/>
      <c r="BU73" s="367"/>
      <c r="BV73" s="367"/>
      <c r="BW73" s="367"/>
      <c r="BX73" s="367"/>
      <c r="BY73" s="367"/>
      <c r="BZ73" s="367"/>
      <c r="CA73" s="367"/>
      <c r="CB73" s="367"/>
      <c r="CC73" s="367"/>
      <c r="CD73" s="367"/>
      <c r="CE73" s="367"/>
      <c r="CF73" s="367"/>
      <c r="CG73" s="367"/>
      <c r="CH73" s="367"/>
      <c r="CI73" s="367"/>
      <c r="CJ73" s="367"/>
      <c r="CK73" s="367"/>
      <c r="CL73" s="367"/>
      <c r="CM73" s="367"/>
      <c r="CN73" s="327"/>
      <c r="CO73" s="327"/>
      <c r="CP73" s="327"/>
      <c r="CQ73" s="327"/>
      <c r="CR73" s="327"/>
      <c r="EQ73" s="19"/>
      <c r="ER73" s="19"/>
      <c r="ES73" s="19"/>
      <c r="ET73" s="14"/>
    </row>
    <row r="74" spans="1:159" s="8" customFormat="1" ht="8.25" customHeight="1" x14ac:dyDescent="0.55000000000000004">
      <c r="A74" s="360"/>
      <c r="B74" s="361"/>
      <c r="C74" s="362"/>
      <c r="D74" s="320"/>
      <c r="E74" s="321"/>
      <c r="F74" s="321"/>
      <c r="G74" s="321"/>
      <c r="H74" s="321"/>
      <c r="I74" s="321"/>
      <c r="J74" s="321"/>
      <c r="K74" s="321"/>
      <c r="L74" s="321"/>
      <c r="M74" s="321"/>
      <c r="N74" s="321"/>
      <c r="O74" s="321"/>
      <c r="P74" s="321"/>
      <c r="Q74" s="321"/>
      <c r="R74" s="321"/>
      <c r="S74" s="321"/>
      <c r="T74" s="321"/>
      <c r="U74" s="321"/>
      <c r="V74" s="321"/>
      <c r="W74" s="321"/>
      <c r="X74" s="321"/>
      <c r="Y74" s="321"/>
      <c r="Z74" s="321"/>
      <c r="AA74" s="321"/>
      <c r="AB74" s="321"/>
      <c r="AC74" s="321"/>
      <c r="AD74" s="321"/>
      <c r="AE74" s="322"/>
      <c r="AF74" s="466"/>
      <c r="AG74" s="467"/>
      <c r="AH74" s="467"/>
      <c r="AI74" s="467"/>
      <c r="AJ74" s="467"/>
      <c r="AK74" s="467"/>
      <c r="AL74" s="467"/>
      <c r="AM74" s="467"/>
      <c r="AN74" s="467"/>
      <c r="AO74" s="467"/>
      <c r="AP74" s="467"/>
      <c r="AQ74" s="467"/>
      <c r="AR74" s="467"/>
      <c r="AS74" s="467"/>
      <c r="AT74" s="467"/>
      <c r="AU74" s="469"/>
      <c r="AV74" s="333"/>
      <c r="AW74" s="334"/>
      <c r="AX74" s="334"/>
      <c r="AY74" s="334"/>
      <c r="AZ74" s="334"/>
      <c r="BA74" s="334"/>
      <c r="BB74" s="337"/>
      <c r="BC74" s="337"/>
      <c r="BD74" s="334"/>
      <c r="BE74" s="334"/>
      <c r="BF74" s="334"/>
      <c r="BG74" s="334"/>
      <c r="BH74" s="334"/>
      <c r="BI74" s="334"/>
      <c r="BJ74" s="334"/>
      <c r="BK74" s="334"/>
      <c r="BL74" s="334"/>
      <c r="BM74" s="340"/>
      <c r="BN74" s="326"/>
      <c r="BO74" s="326"/>
      <c r="BP74" s="326"/>
      <c r="BQ74" s="326"/>
      <c r="BR74" s="326"/>
      <c r="BS74" s="368"/>
      <c r="BT74" s="368"/>
      <c r="BU74" s="368"/>
      <c r="BV74" s="368"/>
      <c r="BW74" s="368"/>
      <c r="BX74" s="368"/>
      <c r="BY74" s="368"/>
      <c r="BZ74" s="368"/>
      <c r="CA74" s="368"/>
      <c r="CB74" s="368"/>
      <c r="CC74" s="368"/>
      <c r="CD74" s="368"/>
      <c r="CE74" s="368"/>
      <c r="CF74" s="368"/>
      <c r="CG74" s="368"/>
      <c r="CH74" s="368"/>
      <c r="CI74" s="368"/>
      <c r="CJ74" s="368"/>
      <c r="CK74" s="368"/>
      <c r="CL74" s="368"/>
      <c r="CM74" s="368"/>
      <c r="CN74" s="328"/>
      <c r="CO74" s="328"/>
      <c r="CP74" s="328"/>
      <c r="CQ74" s="328"/>
      <c r="CR74" s="328"/>
      <c r="EQ74" s="19"/>
      <c r="ER74" s="19"/>
      <c r="ES74" s="19"/>
      <c r="ET74" s="14"/>
      <c r="EU74" s="14"/>
      <c r="EV74" s="14"/>
      <c r="EW74" s="14"/>
      <c r="EX74" s="14"/>
      <c r="EY74" s="14"/>
      <c r="EZ74" s="14"/>
      <c r="FA74" s="14"/>
      <c r="FB74" s="14"/>
      <c r="FC74" s="14"/>
    </row>
    <row r="75" spans="1:159" s="8" customFormat="1" ht="12" customHeight="1" x14ac:dyDescent="0.55000000000000004">
      <c r="A75" s="360"/>
      <c r="B75" s="361"/>
      <c r="C75" s="362"/>
      <c r="D75" s="341"/>
      <c r="E75" s="342"/>
      <c r="F75" s="342"/>
      <c r="G75" s="342"/>
      <c r="H75" s="342"/>
      <c r="I75" s="342"/>
      <c r="J75" s="342"/>
      <c r="K75" s="342"/>
      <c r="L75" s="342"/>
      <c r="M75" s="342"/>
      <c r="N75" s="342"/>
      <c r="O75" s="342"/>
      <c r="P75" s="342"/>
      <c r="Q75" s="342"/>
      <c r="R75" s="342"/>
      <c r="S75" s="342"/>
      <c r="T75" s="342"/>
      <c r="U75" s="342"/>
      <c r="V75" s="342"/>
      <c r="W75" s="342"/>
      <c r="X75" s="342"/>
      <c r="Y75" s="342"/>
      <c r="Z75" s="342"/>
      <c r="AA75" s="342"/>
      <c r="AB75" s="342"/>
      <c r="AC75" s="342"/>
      <c r="AD75" s="342"/>
      <c r="AE75" s="343"/>
      <c r="AF75" s="344"/>
      <c r="AG75" s="345"/>
      <c r="AH75" s="477" t="s">
        <v>141</v>
      </c>
      <c r="AI75" s="478"/>
      <c r="AJ75" s="481" t="s">
        <v>185</v>
      </c>
      <c r="AK75" s="481"/>
      <c r="AL75" s="481"/>
      <c r="AM75" s="481"/>
      <c r="AN75" s="481" t="s">
        <v>186</v>
      </c>
      <c r="AO75" s="481"/>
      <c r="AP75" s="481"/>
      <c r="AQ75" s="481"/>
      <c r="AR75" s="481" t="s">
        <v>187</v>
      </c>
      <c r="AS75" s="481"/>
      <c r="AT75" s="481"/>
      <c r="AU75" s="483"/>
      <c r="AV75" s="329"/>
      <c r="AW75" s="330"/>
      <c r="AX75" s="330"/>
      <c r="AY75" s="330"/>
      <c r="AZ75" s="330"/>
      <c r="BA75" s="330"/>
      <c r="BB75" s="335" t="s">
        <v>131</v>
      </c>
      <c r="BC75" s="335"/>
      <c r="BD75" s="330"/>
      <c r="BE75" s="330"/>
      <c r="BF75" s="330"/>
      <c r="BG75" s="330" t="s">
        <v>133</v>
      </c>
      <c r="BH75" s="330"/>
      <c r="BI75" s="330"/>
      <c r="BJ75" s="330"/>
      <c r="BK75" s="330"/>
      <c r="BL75" s="330" t="s">
        <v>132</v>
      </c>
      <c r="BM75" s="338"/>
      <c r="BN75" s="323" t="s">
        <v>189</v>
      </c>
      <c r="BO75" s="324"/>
      <c r="BP75" s="324"/>
      <c r="BQ75" s="324"/>
      <c r="BR75" s="324"/>
      <c r="BS75" s="366"/>
      <c r="BT75" s="366"/>
      <c r="BU75" s="366"/>
      <c r="BV75" s="366"/>
      <c r="BW75" s="366"/>
      <c r="BX75" s="366"/>
      <c r="BY75" s="366"/>
      <c r="BZ75" s="366"/>
      <c r="CA75" s="366"/>
      <c r="CB75" s="366"/>
      <c r="CC75" s="366"/>
      <c r="CD75" s="366"/>
      <c r="CE75" s="366"/>
      <c r="CF75" s="366"/>
      <c r="CG75" s="366"/>
      <c r="CH75" s="366"/>
      <c r="CI75" s="366"/>
      <c r="CJ75" s="366"/>
      <c r="CK75" s="366"/>
      <c r="CL75" s="366"/>
      <c r="CM75" s="366"/>
      <c r="CN75" s="323" t="s">
        <v>190</v>
      </c>
      <c r="CO75" s="323"/>
      <c r="CP75" s="323"/>
      <c r="CQ75" s="323"/>
      <c r="CR75" s="323"/>
      <c r="EQ75" s="12"/>
      <c r="ER75" s="14"/>
      <c r="ES75" s="14"/>
      <c r="ET75" s="14"/>
      <c r="EU75" s="14"/>
      <c r="EV75" s="14"/>
      <c r="EW75" s="14"/>
      <c r="EX75" s="14"/>
      <c r="EY75" s="14"/>
      <c r="EZ75" s="14"/>
      <c r="FA75" s="14"/>
      <c r="FB75" s="14"/>
      <c r="FC75" s="14"/>
    </row>
    <row r="76" spans="1:159" s="8" customFormat="1" ht="8.25" customHeight="1" x14ac:dyDescent="0.55000000000000004">
      <c r="A76" s="360"/>
      <c r="B76" s="361"/>
      <c r="C76" s="362"/>
      <c r="D76" s="314"/>
      <c r="E76" s="315"/>
      <c r="F76" s="315"/>
      <c r="G76" s="315"/>
      <c r="H76" s="315"/>
      <c r="I76" s="315"/>
      <c r="J76" s="315"/>
      <c r="K76" s="315"/>
      <c r="L76" s="315"/>
      <c r="M76" s="315"/>
      <c r="N76" s="315"/>
      <c r="O76" s="315"/>
      <c r="P76" s="315"/>
      <c r="Q76" s="315"/>
      <c r="R76" s="315"/>
      <c r="S76" s="315"/>
      <c r="T76" s="315"/>
      <c r="U76" s="315"/>
      <c r="V76" s="315"/>
      <c r="W76" s="315"/>
      <c r="X76" s="315"/>
      <c r="Y76" s="315"/>
      <c r="Z76" s="315"/>
      <c r="AA76" s="315"/>
      <c r="AB76" s="315"/>
      <c r="AC76" s="315"/>
      <c r="AD76" s="315"/>
      <c r="AE76" s="316"/>
      <c r="AF76" s="346"/>
      <c r="AG76" s="347"/>
      <c r="AH76" s="479"/>
      <c r="AI76" s="480"/>
      <c r="AJ76" s="482"/>
      <c r="AK76" s="482"/>
      <c r="AL76" s="482"/>
      <c r="AM76" s="482"/>
      <c r="AN76" s="482"/>
      <c r="AO76" s="482"/>
      <c r="AP76" s="482"/>
      <c r="AQ76" s="482"/>
      <c r="AR76" s="482"/>
      <c r="AS76" s="482"/>
      <c r="AT76" s="482"/>
      <c r="AU76" s="484"/>
      <c r="AV76" s="331"/>
      <c r="AW76" s="332"/>
      <c r="AX76" s="332"/>
      <c r="AY76" s="332"/>
      <c r="AZ76" s="332"/>
      <c r="BA76" s="332"/>
      <c r="BB76" s="336"/>
      <c r="BC76" s="336"/>
      <c r="BD76" s="332"/>
      <c r="BE76" s="332"/>
      <c r="BF76" s="332"/>
      <c r="BG76" s="332"/>
      <c r="BH76" s="332"/>
      <c r="BI76" s="332"/>
      <c r="BJ76" s="332"/>
      <c r="BK76" s="332"/>
      <c r="BL76" s="332"/>
      <c r="BM76" s="339"/>
      <c r="BN76" s="325"/>
      <c r="BO76" s="325"/>
      <c r="BP76" s="325"/>
      <c r="BQ76" s="325"/>
      <c r="BR76" s="325"/>
      <c r="BS76" s="367"/>
      <c r="BT76" s="367"/>
      <c r="BU76" s="367"/>
      <c r="BV76" s="367"/>
      <c r="BW76" s="367"/>
      <c r="BX76" s="367"/>
      <c r="BY76" s="367"/>
      <c r="BZ76" s="367"/>
      <c r="CA76" s="367"/>
      <c r="CB76" s="367"/>
      <c r="CC76" s="367"/>
      <c r="CD76" s="367"/>
      <c r="CE76" s="367"/>
      <c r="CF76" s="367"/>
      <c r="CG76" s="367"/>
      <c r="CH76" s="367"/>
      <c r="CI76" s="367"/>
      <c r="CJ76" s="367"/>
      <c r="CK76" s="367"/>
      <c r="CL76" s="367"/>
      <c r="CM76" s="367"/>
      <c r="CN76" s="327"/>
      <c r="CO76" s="327"/>
      <c r="CP76" s="327"/>
      <c r="CQ76" s="327"/>
      <c r="CR76" s="327"/>
      <c r="EQ76" s="12"/>
      <c r="ER76" s="14"/>
      <c r="ES76" s="14"/>
      <c r="ET76" s="14"/>
      <c r="EU76" s="14"/>
      <c r="EV76" s="14"/>
      <c r="EW76" s="14"/>
      <c r="EX76" s="14"/>
      <c r="EY76" s="14"/>
      <c r="EZ76" s="14"/>
      <c r="FA76" s="14"/>
      <c r="FB76" s="14"/>
      <c r="FC76" s="14"/>
    </row>
    <row r="77" spans="1:159" s="8" customFormat="1" ht="8.25" customHeight="1" x14ac:dyDescent="0.55000000000000004">
      <c r="A77" s="360"/>
      <c r="B77" s="361"/>
      <c r="C77" s="362"/>
      <c r="D77" s="317"/>
      <c r="E77" s="318"/>
      <c r="F77" s="318"/>
      <c r="G77" s="318"/>
      <c r="H77" s="318"/>
      <c r="I77" s="318"/>
      <c r="J77" s="318"/>
      <c r="K77" s="318"/>
      <c r="L77" s="318"/>
      <c r="M77" s="318"/>
      <c r="N77" s="318"/>
      <c r="O77" s="318"/>
      <c r="P77" s="318"/>
      <c r="Q77" s="318"/>
      <c r="R77" s="318"/>
      <c r="S77" s="318"/>
      <c r="T77" s="318"/>
      <c r="U77" s="318"/>
      <c r="V77" s="318"/>
      <c r="W77" s="318"/>
      <c r="X77" s="318"/>
      <c r="Y77" s="318"/>
      <c r="Z77" s="318"/>
      <c r="AA77" s="318"/>
      <c r="AB77" s="318"/>
      <c r="AC77" s="318"/>
      <c r="AD77" s="318"/>
      <c r="AE77" s="319"/>
      <c r="AF77" s="464" t="s">
        <v>188</v>
      </c>
      <c r="AG77" s="465"/>
      <c r="AH77" s="465"/>
      <c r="AI77" s="465"/>
      <c r="AJ77" s="465"/>
      <c r="AK77" s="465"/>
      <c r="AL77" s="465" t="s">
        <v>142</v>
      </c>
      <c r="AM77" s="465"/>
      <c r="AN77" s="465"/>
      <c r="AO77" s="465"/>
      <c r="AP77" s="465"/>
      <c r="AQ77" s="465"/>
      <c r="AR77" s="465"/>
      <c r="AS77" s="465"/>
      <c r="AT77" s="465"/>
      <c r="AU77" s="468"/>
      <c r="AV77" s="331"/>
      <c r="AW77" s="332"/>
      <c r="AX77" s="332"/>
      <c r="AY77" s="332"/>
      <c r="AZ77" s="332"/>
      <c r="BA77" s="332"/>
      <c r="BB77" s="336"/>
      <c r="BC77" s="336"/>
      <c r="BD77" s="332"/>
      <c r="BE77" s="332"/>
      <c r="BF77" s="332"/>
      <c r="BG77" s="332"/>
      <c r="BH77" s="332"/>
      <c r="BI77" s="332"/>
      <c r="BJ77" s="332"/>
      <c r="BK77" s="332"/>
      <c r="BL77" s="332"/>
      <c r="BM77" s="339"/>
      <c r="BN77" s="325"/>
      <c r="BO77" s="325"/>
      <c r="BP77" s="325"/>
      <c r="BQ77" s="325"/>
      <c r="BR77" s="325"/>
      <c r="BS77" s="367"/>
      <c r="BT77" s="367"/>
      <c r="BU77" s="367"/>
      <c r="BV77" s="367"/>
      <c r="BW77" s="367"/>
      <c r="BX77" s="367"/>
      <c r="BY77" s="367"/>
      <c r="BZ77" s="367"/>
      <c r="CA77" s="367"/>
      <c r="CB77" s="367"/>
      <c r="CC77" s="367"/>
      <c r="CD77" s="367"/>
      <c r="CE77" s="367"/>
      <c r="CF77" s="367"/>
      <c r="CG77" s="367"/>
      <c r="CH77" s="367"/>
      <c r="CI77" s="367"/>
      <c r="CJ77" s="367"/>
      <c r="CK77" s="367"/>
      <c r="CL77" s="367"/>
      <c r="CM77" s="367"/>
      <c r="CN77" s="327"/>
      <c r="CO77" s="327"/>
      <c r="CP77" s="327"/>
      <c r="CQ77" s="327"/>
      <c r="CR77" s="327"/>
      <c r="EQ77" s="12"/>
      <c r="ER77" s="14"/>
      <c r="ES77" s="14"/>
      <c r="ET77" s="14"/>
      <c r="EU77" s="14"/>
      <c r="EV77" s="14"/>
      <c r="EW77" s="14"/>
      <c r="EX77" s="14"/>
      <c r="EY77" s="14"/>
      <c r="EZ77" s="14"/>
      <c r="FA77" s="14"/>
      <c r="FB77" s="14"/>
      <c r="FC77" s="14"/>
    </row>
    <row r="78" spans="1:159" s="8" customFormat="1" ht="8.25" customHeight="1" x14ac:dyDescent="0.55000000000000004">
      <c r="A78" s="360"/>
      <c r="B78" s="361"/>
      <c r="C78" s="362"/>
      <c r="D78" s="317"/>
      <c r="E78" s="318"/>
      <c r="F78" s="318"/>
      <c r="G78" s="318"/>
      <c r="H78" s="318"/>
      <c r="I78" s="318"/>
      <c r="J78" s="318"/>
      <c r="K78" s="318"/>
      <c r="L78" s="318"/>
      <c r="M78" s="318"/>
      <c r="N78" s="318"/>
      <c r="O78" s="318"/>
      <c r="P78" s="318"/>
      <c r="Q78" s="318"/>
      <c r="R78" s="318"/>
      <c r="S78" s="318"/>
      <c r="T78" s="318"/>
      <c r="U78" s="318"/>
      <c r="V78" s="318"/>
      <c r="W78" s="318"/>
      <c r="X78" s="318"/>
      <c r="Y78" s="318"/>
      <c r="Z78" s="318"/>
      <c r="AA78" s="318"/>
      <c r="AB78" s="318"/>
      <c r="AC78" s="318"/>
      <c r="AD78" s="318"/>
      <c r="AE78" s="319"/>
      <c r="AF78" s="464"/>
      <c r="AG78" s="465"/>
      <c r="AH78" s="465"/>
      <c r="AI78" s="465"/>
      <c r="AJ78" s="465"/>
      <c r="AK78" s="465"/>
      <c r="AL78" s="465"/>
      <c r="AM78" s="465"/>
      <c r="AN78" s="465"/>
      <c r="AO78" s="465"/>
      <c r="AP78" s="465"/>
      <c r="AQ78" s="465"/>
      <c r="AR78" s="465"/>
      <c r="AS78" s="465"/>
      <c r="AT78" s="465"/>
      <c r="AU78" s="468"/>
      <c r="AV78" s="331"/>
      <c r="AW78" s="332"/>
      <c r="AX78" s="332"/>
      <c r="AY78" s="332"/>
      <c r="AZ78" s="332"/>
      <c r="BA78" s="332"/>
      <c r="BB78" s="336"/>
      <c r="BC78" s="336"/>
      <c r="BD78" s="332"/>
      <c r="BE78" s="332"/>
      <c r="BF78" s="332"/>
      <c r="BG78" s="332"/>
      <c r="BH78" s="332"/>
      <c r="BI78" s="332"/>
      <c r="BJ78" s="332"/>
      <c r="BK78" s="332"/>
      <c r="BL78" s="332"/>
      <c r="BM78" s="339"/>
      <c r="BN78" s="325"/>
      <c r="BO78" s="325"/>
      <c r="BP78" s="325"/>
      <c r="BQ78" s="325"/>
      <c r="BR78" s="325"/>
      <c r="BS78" s="367"/>
      <c r="BT78" s="367"/>
      <c r="BU78" s="367"/>
      <c r="BV78" s="367"/>
      <c r="BW78" s="367"/>
      <c r="BX78" s="367"/>
      <c r="BY78" s="367"/>
      <c r="BZ78" s="367"/>
      <c r="CA78" s="367"/>
      <c r="CB78" s="367"/>
      <c r="CC78" s="367"/>
      <c r="CD78" s="367"/>
      <c r="CE78" s="367"/>
      <c r="CF78" s="367"/>
      <c r="CG78" s="367"/>
      <c r="CH78" s="367"/>
      <c r="CI78" s="367"/>
      <c r="CJ78" s="367"/>
      <c r="CK78" s="367"/>
      <c r="CL78" s="367"/>
      <c r="CM78" s="367"/>
      <c r="CN78" s="327"/>
      <c r="CO78" s="327"/>
      <c r="CP78" s="327"/>
      <c r="CQ78" s="327"/>
      <c r="CR78" s="327"/>
      <c r="EQ78" s="12"/>
      <c r="ER78" s="14"/>
      <c r="ES78" s="14"/>
      <c r="ET78" s="14"/>
      <c r="EU78" s="14"/>
      <c r="EV78" s="14"/>
      <c r="EW78" s="14"/>
      <c r="EX78" s="14"/>
      <c r="EY78" s="14"/>
      <c r="EZ78" s="14"/>
      <c r="FA78" s="14"/>
      <c r="FB78" s="14"/>
      <c r="FC78" s="14"/>
    </row>
    <row r="79" spans="1:159" s="8" customFormat="1" ht="8.25" customHeight="1" x14ac:dyDescent="0.55000000000000004">
      <c r="A79" s="360"/>
      <c r="B79" s="361"/>
      <c r="C79" s="362"/>
      <c r="D79" s="320"/>
      <c r="E79" s="321"/>
      <c r="F79" s="321"/>
      <c r="G79" s="321"/>
      <c r="H79" s="321"/>
      <c r="I79" s="321"/>
      <c r="J79" s="321"/>
      <c r="K79" s="321"/>
      <c r="L79" s="321"/>
      <c r="M79" s="321"/>
      <c r="N79" s="321"/>
      <c r="O79" s="321"/>
      <c r="P79" s="321"/>
      <c r="Q79" s="321"/>
      <c r="R79" s="321"/>
      <c r="S79" s="321"/>
      <c r="T79" s="321"/>
      <c r="U79" s="321"/>
      <c r="V79" s="321"/>
      <c r="W79" s="321"/>
      <c r="X79" s="321"/>
      <c r="Y79" s="321"/>
      <c r="Z79" s="321"/>
      <c r="AA79" s="321"/>
      <c r="AB79" s="321"/>
      <c r="AC79" s="321"/>
      <c r="AD79" s="321"/>
      <c r="AE79" s="322"/>
      <c r="AF79" s="466"/>
      <c r="AG79" s="467"/>
      <c r="AH79" s="467"/>
      <c r="AI79" s="467"/>
      <c r="AJ79" s="467"/>
      <c r="AK79" s="467"/>
      <c r="AL79" s="467"/>
      <c r="AM79" s="467"/>
      <c r="AN79" s="467"/>
      <c r="AO79" s="467"/>
      <c r="AP79" s="467"/>
      <c r="AQ79" s="467"/>
      <c r="AR79" s="467"/>
      <c r="AS79" s="467"/>
      <c r="AT79" s="467"/>
      <c r="AU79" s="469"/>
      <c r="AV79" s="333"/>
      <c r="AW79" s="334"/>
      <c r="AX79" s="334"/>
      <c r="AY79" s="334"/>
      <c r="AZ79" s="334"/>
      <c r="BA79" s="334"/>
      <c r="BB79" s="337"/>
      <c r="BC79" s="337"/>
      <c r="BD79" s="334"/>
      <c r="BE79" s="334"/>
      <c r="BF79" s="334"/>
      <c r="BG79" s="334"/>
      <c r="BH79" s="334"/>
      <c r="BI79" s="334"/>
      <c r="BJ79" s="334"/>
      <c r="BK79" s="334"/>
      <c r="BL79" s="334"/>
      <c r="BM79" s="340"/>
      <c r="BN79" s="326"/>
      <c r="BO79" s="326"/>
      <c r="BP79" s="326"/>
      <c r="BQ79" s="326"/>
      <c r="BR79" s="326"/>
      <c r="BS79" s="368"/>
      <c r="BT79" s="368"/>
      <c r="BU79" s="368"/>
      <c r="BV79" s="368"/>
      <c r="BW79" s="368"/>
      <c r="BX79" s="368"/>
      <c r="BY79" s="368"/>
      <c r="BZ79" s="368"/>
      <c r="CA79" s="368"/>
      <c r="CB79" s="368"/>
      <c r="CC79" s="368"/>
      <c r="CD79" s="368"/>
      <c r="CE79" s="368"/>
      <c r="CF79" s="368"/>
      <c r="CG79" s="368"/>
      <c r="CH79" s="368"/>
      <c r="CI79" s="368"/>
      <c r="CJ79" s="368"/>
      <c r="CK79" s="368"/>
      <c r="CL79" s="368"/>
      <c r="CM79" s="368"/>
      <c r="CN79" s="328"/>
      <c r="CO79" s="328"/>
      <c r="CP79" s="328"/>
      <c r="CQ79" s="328"/>
      <c r="CR79" s="328"/>
      <c r="EQ79" s="12"/>
      <c r="ER79" s="12"/>
      <c r="ES79" s="12"/>
      <c r="ET79" s="12"/>
      <c r="EU79" s="12"/>
      <c r="EV79" s="12"/>
      <c r="EW79" s="12"/>
      <c r="EX79" s="12"/>
      <c r="EY79" s="12"/>
      <c r="EZ79" s="12"/>
      <c r="FA79" s="12"/>
      <c r="FB79" s="12"/>
      <c r="FC79" s="12"/>
    </row>
    <row r="80" spans="1:159" s="8" customFormat="1" ht="12" customHeight="1" x14ac:dyDescent="0.55000000000000004">
      <c r="A80" s="360"/>
      <c r="B80" s="361"/>
      <c r="C80" s="362"/>
      <c r="D80" s="341"/>
      <c r="E80" s="342"/>
      <c r="F80" s="342"/>
      <c r="G80" s="342"/>
      <c r="H80" s="342"/>
      <c r="I80" s="342"/>
      <c r="J80" s="342"/>
      <c r="K80" s="342"/>
      <c r="L80" s="342"/>
      <c r="M80" s="342"/>
      <c r="N80" s="342"/>
      <c r="O80" s="342"/>
      <c r="P80" s="342"/>
      <c r="Q80" s="342"/>
      <c r="R80" s="342"/>
      <c r="S80" s="342"/>
      <c r="T80" s="342"/>
      <c r="U80" s="342"/>
      <c r="V80" s="342"/>
      <c r="W80" s="342"/>
      <c r="X80" s="342"/>
      <c r="Y80" s="342"/>
      <c r="Z80" s="342"/>
      <c r="AA80" s="342"/>
      <c r="AB80" s="342"/>
      <c r="AC80" s="342"/>
      <c r="AD80" s="342"/>
      <c r="AE80" s="343"/>
      <c r="AF80" s="344"/>
      <c r="AG80" s="345"/>
      <c r="AH80" s="477" t="s">
        <v>141</v>
      </c>
      <c r="AI80" s="478"/>
      <c r="AJ80" s="481" t="s">
        <v>185</v>
      </c>
      <c r="AK80" s="481"/>
      <c r="AL80" s="481"/>
      <c r="AM80" s="481"/>
      <c r="AN80" s="481" t="s">
        <v>186</v>
      </c>
      <c r="AO80" s="481"/>
      <c r="AP80" s="481"/>
      <c r="AQ80" s="481"/>
      <c r="AR80" s="481" t="s">
        <v>187</v>
      </c>
      <c r="AS80" s="481"/>
      <c r="AT80" s="481"/>
      <c r="AU80" s="483"/>
      <c r="AV80" s="329"/>
      <c r="AW80" s="330"/>
      <c r="AX80" s="330"/>
      <c r="AY80" s="330"/>
      <c r="AZ80" s="330"/>
      <c r="BA80" s="330"/>
      <c r="BB80" s="335" t="s">
        <v>131</v>
      </c>
      <c r="BC80" s="335"/>
      <c r="BD80" s="330"/>
      <c r="BE80" s="330"/>
      <c r="BF80" s="330"/>
      <c r="BG80" s="330" t="s">
        <v>133</v>
      </c>
      <c r="BH80" s="330"/>
      <c r="BI80" s="330"/>
      <c r="BJ80" s="330"/>
      <c r="BK80" s="330"/>
      <c r="BL80" s="330" t="s">
        <v>132</v>
      </c>
      <c r="BM80" s="338"/>
      <c r="BN80" s="323" t="s">
        <v>189</v>
      </c>
      <c r="BO80" s="324"/>
      <c r="BP80" s="324"/>
      <c r="BQ80" s="324"/>
      <c r="BR80" s="324"/>
      <c r="BS80" s="366"/>
      <c r="BT80" s="366"/>
      <c r="BU80" s="366"/>
      <c r="BV80" s="366"/>
      <c r="BW80" s="366"/>
      <c r="BX80" s="366"/>
      <c r="BY80" s="366"/>
      <c r="BZ80" s="366"/>
      <c r="CA80" s="366"/>
      <c r="CB80" s="366"/>
      <c r="CC80" s="366"/>
      <c r="CD80" s="366"/>
      <c r="CE80" s="366"/>
      <c r="CF80" s="366"/>
      <c r="CG80" s="366"/>
      <c r="CH80" s="366"/>
      <c r="CI80" s="366"/>
      <c r="CJ80" s="366"/>
      <c r="CK80" s="366"/>
      <c r="CL80" s="366"/>
      <c r="CM80" s="366"/>
      <c r="CN80" s="323" t="s">
        <v>190</v>
      </c>
      <c r="CO80" s="323"/>
      <c r="CP80" s="323"/>
      <c r="CQ80" s="323"/>
      <c r="CR80" s="323"/>
      <c r="EQ80" s="12"/>
      <c r="ER80" s="12"/>
      <c r="ES80" s="12"/>
      <c r="ET80" s="12"/>
      <c r="EU80" s="12"/>
      <c r="EV80" s="12"/>
      <c r="EW80" s="12"/>
      <c r="EX80" s="12"/>
      <c r="EY80" s="12"/>
      <c r="EZ80" s="12"/>
      <c r="FA80" s="12"/>
      <c r="FB80" s="12"/>
      <c r="FC80" s="12"/>
    </row>
    <row r="81" spans="1:159" s="8" customFormat="1" ht="8.25" customHeight="1" x14ac:dyDescent="0.55000000000000004">
      <c r="A81" s="360"/>
      <c r="B81" s="361"/>
      <c r="C81" s="362"/>
      <c r="D81" s="314"/>
      <c r="E81" s="315"/>
      <c r="F81" s="315"/>
      <c r="G81" s="315"/>
      <c r="H81" s="315"/>
      <c r="I81" s="315"/>
      <c r="J81" s="315"/>
      <c r="K81" s="315"/>
      <c r="L81" s="315"/>
      <c r="M81" s="315"/>
      <c r="N81" s="315"/>
      <c r="O81" s="315"/>
      <c r="P81" s="315"/>
      <c r="Q81" s="315"/>
      <c r="R81" s="315"/>
      <c r="S81" s="315"/>
      <c r="T81" s="315"/>
      <c r="U81" s="315"/>
      <c r="V81" s="315"/>
      <c r="W81" s="315"/>
      <c r="X81" s="315"/>
      <c r="Y81" s="315"/>
      <c r="Z81" s="315"/>
      <c r="AA81" s="315"/>
      <c r="AB81" s="315"/>
      <c r="AC81" s="315"/>
      <c r="AD81" s="315"/>
      <c r="AE81" s="316"/>
      <c r="AF81" s="346"/>
      <c r="AG81" s="347"/>
      <c r="AH81" s="479"/>
      <c r="AI81" s="480"/>
      <c r="AJ81" s="482"/>
      <c r="AK81" s="482"/>
      <c r="AL81" s="482"/>
      <c r="AM81" s="482"/>
      <c r="AN81" s="482"/>
      <c r="AO81" s="482"/>
      <c r="AP81" s="482"/>
      <c r="AQ81" s="482"/>
      <c r="AR81" s="482"/>
      <c r="AS81" s="482"/>
      <c r="AT81" s="482"/>
      <c r="AU81" s="484"/>
      <c r="AV81" s="331"/>
      <c r="AW81" s="332"/>
      <c r="AX81" s="332"/>
      <c r="AY81" s="332"/>
      <c r="AZ81" s="332"/>
      <c r="BA81" s="332"/>
      <c r="BB81" s="336"/>
      <c r="BC81" s="336"/>
      <c r="BD81" s="332"/>
      <c r="BE81" s="332"/>
      <c r="BF81" s="332"/>
      <c r="BG81" s="332"/>
      <c r="BH81" s="332"/>
      <c r="BI81" s="332"/>
      <c r="BJ81" s="332"/>
      <c r="BK81" s="332"/>
      <c r="BL81" s="332"/>
      <c r="BM81" s="339"/>
      <c r="BN81" s="325"/>
      <c r="BO81" s="325"/>
      <c r="BP81" s="325"/>
      <c r="BQ81" s="325"/>
      <c r="BR81" s="325"/>
      <c r="BS81" s="367"/>
      <c r="BT81" s="367"/>
      <c r="BU81" s="367"/>
      <c r="BV81" s="367"/>
      <c r="BW81" s="367"/>
      <c r="BX81" s="367"/>
      <c r="BY81" s="367"/>
      <c r="BZ81" s="367"/>
      <c r="CA81" s="367"/>
      <c r="CB81" s="367"/>
      <c r="CC81" s="367"/>
      <c r="CD81" s="367"/>
      <c r="CE81" s="367"/>
      <c r="CF81" s="367"/>
      <c r="CG81" s="367"/>
      <c r="CH81" s="367"/>
      <c r="CI81" s="367"/>
      <c r="CJ81" s="367"/>
      <c r="CK81" s="367"/>
      <c r="CL81" s="367"/>
      <c r="CM81" s="367"/>
      <c r="CN81" s="327"/>
      <c r="CO81" s="327"/>
      <c r="CP81" s="327"/>
      <c r="CQ81" s="327"/>
      <c r="CR81" s="327"/>
      <c r="EQ81" s="12"/>
      <c r="ER81" s="12"/>
      <c r="ES81" s="12"/>
      <c r="ET81" s="12"/>
      <c r="EU81" s="12"/>
      <c r="EV81" s="12"/>
      <c r="EW81" s="12"/>
      <c r="EX81" s="12"/>
      <c r="EY81" s="12"/>
      <c r="EZ81" s="12"/>
      <c r="FA81" s="12"/>
      <c r="FB81" s="12"/>
      <c r="FC81" s="12"/>
    </row>
    <row r="82" spans="1:159" s="8" customFormat="1" ht="8.25" customHeight="1" x14ac:dyDescent="0.55000000000000004">
      <c r="A82" s="360"/>
      <c r="B82" s="361"/>
      <c r="C82" s="362"/>
      <c r="D82" s="317"/>
      <c r="E82" s="318"/>
      <c r="F82" s="318"/>
      <c r="G82" s="318"/>
      <c r="H82" s="318"/>
      <c r="I82" s="318"/>
      <c r="J82" s="318"/>
      <c r="K82" s="318"/>
      <c r="L82" s="318"/>
      <c r="M82" s="318"/>
      <c r="N82" s="318"/>
      <c r="O82" s="318"/>
      <c r="P82" s="318"/>
      <c r="Q82" s="318"/>
      <c r="R82" s="318"/>
      <c r="S82" s="318"/>
      <c r="T82" s="318"/>
      <c r="U82" s="318"/>
      <c r="V82" s="318"/>
      <c r="W82" s="318"/>
      <c r="X82" s="318"/>
      <c r="Y82" s="318"/>
      <c r="Z82" s="318"/>
      <c r="AA82" s="318"/>
      <c r="AB82" s="318"/>
      <c r="AC82" s="318"/>
      <c r="AD82" s="318"/>
      <c r="AE82" s="319"/>
      <c r="AF82" s="464" t="s">
        <v>188</v>
      </c>
      <c r="AG82" s="465"/>
      <c r="AH82" s="465"/>
      <c r="AI82" s="465"/>
      <c r="AJ82" s="465"/>
      <c r="AK82" s="465"/>
      <c r="AL82" s="465" t="s">
        <v>142</v>
      </c>
      <c r="AM82" s="465"/>
      <c r="AN82" s="465"/>
      <c r="AO82" s="465"/>
      <c r="AP82" s="465"/>
      <c r="AQ82" s="465"/>
      <c r="AR82" s="465"/>
      <c r="AS82" s="465"/>
      <c r="AT82" s="465"/>
      <c r="AU82" s="468"/>
      <c r="AV82" s="331"/>
      <c r="AW82" s="332"/>
      <c r="AX82" s="332"/>
      <c r="AY82" s="332"/>
      <c r="AZ82" s="332"/>
      <c r="BA82" s="332"/>
      <c r="BB82" s="336"/>
      <c r="BC82" s="336"/>
      <c r="BD82" s="332"/>
      <c r="BE82" s="332"/>
      <c r="BF82" s="332"/>
      <c r="BG82" s="332"/>
      <c r="BH82" s="332"/>
      <c r="BI82" s="332"/>
      <c r="BJ82" s="332"/>
      <c r="BK82" s="332"/>
      <c r="BL82" s="332"/>
      <c r="BM82" s="339"/>
      <c r="BN82" s="325"/>
      <c r="BO82" s="325"/>
      <c r="BP82" s="325"/>
      <c r="BQ82" s="325"/>
      <c r="BR82" s="325"/>
      <c r="BS82" s="367"/>
      <c r="BT82" s="367"/>
      <c r="BU82" s="367"/>
      <c r="BV82" s="367"/>
      <c r="BW82" s="367"/>
      <c r="BX82" s="367"/>
      <c r="BY82" s="367"/>
      <c r="BZ82" s="367"/>
      <c r="CA82" s="367"/>
      <c r="CB82" s="367"/>
      <c r="CC82" s="367"/>
      <c r="CD82" s="367"/>
      <c r="CE82" s="367"/>
      <c r="CF82" s="367"/>
      <c r="CG82" s="367"/>
      <c r="CH82" s="367"/>
      <c r="CI82" s="367"/>
      <c r="CJ82" s="367"/>
      <c r="CK82" s="367"/>
      <c r="CL82" s="367"/>
      <c r="CM82" s="367"/>
      <c r="CN82" s="327"/>
      <c r="CO82" s="327"/>
      <c r="CP82" s="327"/>
      <c r="CQ82" s="327"/>
      <c r="CR82" s="327"/>
      <c r="EQ82" s="12"/>
      <c r="ER82" s="12"/>
      <c r="ES82" s="12"/>
      <c r="ET82" s="12"/>
      <c r="EU82" s="12"/>
      <c r="EV82" s="12"/>
      <c r="EW82" s="12"/>
      <c r="EX82" s="12"/>
      <c r="EY82" s="12"/>
      <c r="EZ82" s="12"/>
      <c r="FA82" s="12"/>
      <c r="FB82" s="12"/>
      <c r="FC82" s="12"/>
    </row>
    <row r="83" spans="1:159" s="8" customFormat="1" ht="8.25" customHeight="1" x14ac:dyDescent="0.55000000000000004">
      <c r="A83" s="360"/>
      <c r="B83" s="361"/>
      <c r="C83" s="362"/>
      <c r="D83" s="317"/>
      <c r="E83" s="318"/>
      <c r="F83" s="318"/>
      <c r="G83" s="318"/>
      <c r="H83" s="318"/>
      <c r="I83" s="318"/>
      <c r="J83" s="318"/>
      <c r="K83" s="318"/>
      <c r="L83" s="318"/>
      <c r="M83" s="318"/>
      <c r="N83" s="318"/>
      <c r="O83" s="318"/>
      <c r="P83" s="318"/>
      <c r="Q83" s="318"/>
      <c r="R83" s="318"/>
      <c r="S83" s="318"/>
      <c r="T83" s="318"/>
      <c r="U83" s="318"/>
      <c r="V83" s="318"/>
      <c r="W83" s="318"/>
      <c r="X83" s="318"/>
      <c r="Y83" s="318"/>
      <c r="Z83" s="318"/>
      <c r="AA83" s="318"/>
      <c r="AB83" s="318"/>
      <c r="AC83" s="318"/>
      <c r="AD83" s="318"/>
      <c r="AE83" s="319"/>
      <c r="AF83" s="464"/>
      <c r="AG83" s="465"/>
      <c r="AH83" s="465"/>
      <c r="AI83" s="465"/>
      <c r="AJ83" s="465"/>
      <c r="AK83" s="465"/>
      <c r="AL83" s="465"/>
      <c r="AM83" s="465"/>
      <c r="AN83" s="465"/>
      <c r="AO83" s="465"/>
      <c r="AP83" s="465"/>
      <c r="AQ83" s="465"/>
      <c r="AR83" s="465"/>
      <c r="AS83" s="465"/>
      <c r="AT83" s="465"/>
      <c r="AU83" s="468"/>
      <c r="AV83" s="331"/>
      <c r="AW83" s="332"/>
      <c r="AX83" s="332"/>
      <c r="AY83" s="332"/>
      <c r="AZ83" s="332"/>
      <c r="BA83" s="332"/>
      <c r="BB83" s="336"/>
      <c r="BC83" s="336"/>
      <c r="BD83" s="332"/>
      <c r="BE83" s="332"/>
      <c r="BF83" s="332"/>
      <c r="BG83" s="332"/>
      <c r="BH83" s="332"/>
      <c r="BI83" s="332"/>
      <c r="BJ83" s="332"/>
      <c r="BK83" s="332"/>
      <c r="BL83" s="332"/>
      <c r="BM83" s="339"/>
      <c r="BN83" s="325"/>
      <c r="BO83" s="325"/>
      <c r="BP83" s="325"/>
      <c r="BQ83" s="325"/>
      <c r="BR83" s="325"/>
      <c r="BS83" s="367"/>
      <c r="BT83" s="367"/>
      <c r="BU83" s="367"/>
      <c r="BV83" s="367"/>
      <c r="BW83" s="367"/>
      <c r="BX83" s="367"/>
      <c r="BY83" s="367"/>
      <c r="BZ83" s="367"/>
      <c r="CA83" s="367"/>
      <c r="CB83" s="367"/>
      <c r="CC83" s="367"/>
      <c r="CD83" s="367"/>
      <c r="CE83" s="367"/>
      <c r="CF83" s="367"/>
      <c r="CG83" s="367"/>
      <c r="CH83" s="367"/>
      <c r="CI83" s="367"/>
      <c r="CJ83" s="367"/>
      <c r="CK83" s="367"/>
      <c r="CL83" s="367"/>
      <c r="CM83" s="367"/>
      <c r="CN83" s="327"/>
      <c r="CO83" s="327"/>
      <c r="CP83" s="327"/>
      <c r="CQ83" s="327"/>
      <c r="CR83" s="327"/>
      <c r="EQ83" s="12"/>
      <c r="ER83" s="12"/>
      <c r="ES83" s="12"/>
      <c r="ET83" s="12"/>
      <c r="EU83" s="12"/>
      <c r="EV83" s="12"/>
      <c r="EW83" s="12"/>
      <c r="EX83" s="12"/>
      <c r="EY83" s="12"/>
      <c r="EZ83" s="12"/>
      <c r="FA83" s="12"/>
      <c r="FB83" s="12"/>
      <c r="FC83" s="12"/>
    </row>
    <row r="84" spans="1:159" s="8" customFormat="1" ht="8.25" customHeight="1" x14ac:dyDescent="0.55000000000000004">
      <c r="A84" s="360"/>
      <c r="B84" s="361"/>
      <c r="C84" s="362"/>
      <c r="D84" s="320"/>
      <c r="E84" s="321"/>
      <c r="F84" s="321"/>
      <c r="G84" s="321"/>
      <c r="H84" s="321"/>
      <c r="I84" s="321"/>
      <c r="J84" s="321"/>
      <c r="K84" s="321"/>
      <c r="L84" s="321"/>
      <c r="M84" s="321"/>
      <c r="N84" s="321"/>
      <c r="O84" s="321"/>
      <c r="P84" s="321"/>
      <c r="Q84" s="321"/>
      <c r="R84" s="321"/>
      <c r="S84" s="321"/>
      <c r="T84" s="321"/>
      <c r="U84" s="321"/>
      <c r="V84" s="321"/>
      <c r="W84" s="321"/>
      <c r="X84" s="321"/>
      <c r="Y84" s="321"/>
      <c r="Z84" s="321"/>
      <c r="AA84" s="321"/>
      <c r="AB84" s="321"/>
      <c r="AC84" s="321"/>
      <c r="AD84" s="321"/>
      <c r="AE84" s="322"/>
      <c r="AF84" s="466"/>
      <c r="AG84" s="467"/>
      <c r="AH84" s="467"/>
      <c r="AI84" s="467"/>
      <c r="AJ84" s="467"/>
      <c r="AK84" s="467"/>
      <c r="AL84" s="467"/>
      <c r="AM84" s="467"/>
      <c r="AN84" s="467"/>
      <c r="AO84" s="467"/>
      <c r="AP84" s="467"/>
      <c r="AQ84" s="467"/>
      <c r="AR84" s="467"/>
      <c r="AS84" s="467"/>
      <c r="AT84" s="467"/>
      <c r="AU84" s="469"/>
      <c r="AV84" s="333"/>
      <c r="AW84" s="334"/>
      <c r="AX84" s="334"/>
      <c r="AY84" s="334"/>
      <c r="AZ84" s="334"/>
      <c r="BA84" s="334"/>
      <c r="BB84" s="337"/>
      <c r="BC84" s="337"/>
      <c r="BD84" s="334"/>
      <c r="BE84" s="334"/>
      <c r="BF84" s="334"/>
      <c r="BG84" s="334"/>
      <c r="BH84" s="334"/>
      <c r="BI84" s="334"/>
      <c r="BJ84" s="334"/>
      <c r="BK84" s="334"/>
      <c r="BL84" s="334"/>
      <c r="BM84" s="340"/>
      <c r="BN84" s="326"/>
      <c r="BO84" s="326"/>
      <c r="BP84" s="326"/>
      <c r="BQ84" s="326"/>
      <c r="BR84" s="326"/>
      <c r="BS84" s="368"/>
      <c r="BT84" s="368"/>
      <c r="BU84" s="368"/>
      <c r="BV84" s="368"/>
      <c r="BW84" s="368"/>
      <c r="BX84" s="368"/>
      <c r="BY84" s="368"/>
      <c r="BZ84" s="368"/>
      <c r="CA84" s="368"/>
      <c r="CB84" s="368"/>
      <c r="CC84" s="368"/>
      <c r="CD84" s="368"/>
      <c r="CE84" s="368"/>
      <c r="CF84" s="368"/>
      <c r="CG84" s="368"/>
      <c r="CH84" s="368"/>
      <c r="CI84" s="368"/>
      <c r="CJ84" s="368"/>
      <c r="CK84" s="368"/>
      <c r="CL84" s="368"/>
      <c r="CM84" s="368"/>
      <c r="CN84" s="328"/>
      <c r="CO84" s="328"/>
      <c r="CP84" s="328"/>
      <c r="CQ84" s="328"/>
      <c r="CR84" s="328"/>
      <c r="EQ84" s="12"/>
      <c r="ER84" s="12"/>
      <c r="ES84" s="12"/>
      <c r="ET84" s="12"/>
      <c r="EU84" s="12"/>
      <c r="EV84" s="12"/>
      <c r="EW84" s="12"/>
      <c r="EX84" s="12"/>
      <c r="EY84" s="12"/>
      <c r="EZ84" s="12"/>
      <c r="FA84" s="12"/>
      <c r="FB84" s="12"/>
      <c r="FC84" s="12"/>
    </row>
    <row r="85" spans="1:159" s="8" customFormat="1" ht="12" customHeight="1" x14ac:dyDescent="0.55000000000000004">
      <c r="A85" s="360"/>
      <c r="B85" s="361"/>
      <c r="C85" s="362"/>
      <c r="D85" s="341"/>
      <c r="E85" s="342"/>
      <c r="F85" s="342"/>
      <c r="G85" s="342"/>
      <c r="H85" s="342"/>
      <c r="I85" s="342"/>
      <c r="J85" s="342"/>
      <c r="K85" s="342"/>
      <c r="L85" s="342"/>
      <c r="M85" s="342"/>
      <c r="N85" s="342"/>
      <c r="O85" s="342"/>
      <c r="P85" s="342"/>
      <c r="Q85" s="342"/>
      <c r="R85" s="342"/>
      <c r="S85" s="342"/>
      <c r="T85" s="342"/>
      <c r="U85" s="342"/>
      <c r="V85" s="342"/>
      <c r="W85" s="342"/>
      <c r="X85" s="342"/>
      <c r="Y85" s="342"/>
      <c r="Z85" s="342"/>
      <c r="AA85" s="342"/>
      <c r="AB85" s="342"/>
      <c r="AC85" s="342"/>
      <c r="AD85" s="342"/>
      <c r="AE85" s="343"/>
      <c r="AF85" s="344"/>
      <c r="AG85" s="345"/>
      <c r="AH85" s="477" t="s">
        <v>141</v>
      </c>
      <c r="AI85" s="478"/>
      <c r="AJ85" s="481" t="s">
        <v>185</v>
      </c>
      <c r="AK85" s="481"/>
      <c r="AL85" s="481"/>
      <c r="AM85" s="481"/>
      <c r="AN85" s="481" t="s">
        <v>186</v>
      </c>
      <c r="AO85" s="481"/>
      <c r="AP85" s="481"/>
      <c r="AQ85" s="481"/>
      <c r="AR85" s="481" t="s">
        <v>187</v>
      </c>
      <c r="AS85" s="481"/>
      <c r="AT85" s="481"/>
      <c r="AU85" s="483"/>
      <c r="AV85" s="329"/>
      <c r="AW85" s="330"/>
      <c r="AX85" s="330"/>
      <c r="AY85" s="330"/>
      <c r="AZ85" s="330"/>
      <c r="BA85" s="330"/>
      <c r="BB85" s="335" t="s">
        <v>131</v>
      </c>
      <c r="BC85" s="335"/>
      <c r="BD85" s="330"/>
      <c r="BE85" s="330"/>
      <c r="BF85" s="330"/>
      <c r="BG85" s="330" t="s">
        <v>133</v>
      </c>
      <c r="BH85" s="330"/>
      <c r="BI85" s="330"/>
      <c r="BJ85" s="330"/>
      <c r="BK85" s="330"/>
      <c r="BL85" s="330" t="s">
        <v>132</v>
      </c>
      <c r="BM85" s="338"/>
      <c r="BN85" s="323" t="s">
        <v>189</v>
      </c>
      <c r="BO85" s="324"/>
      <c r="BP85" s="324"/>
      <c r="BQ85" s="324"/>
      <c r="BR85" s="324"/>
      <c r="BS85" s="366"/>
      <c r="BT85" s="366"/>
      <c r="BU85" s="366"/>
      <c r="BV85" s="366"/>
      <c r="BW85" s="366"/>
      <c r="BX85" s="366"/>
      <c r="BY85" s="366"/>
      <c r="BZ85" s="366"/>
      <c r="CA85" s="366"/>
      <c r="CB85" s="366"/>
      <c r="CC85" s="366"/>
      <c r="CD85" s="366"/>
      <c r="CE85" s="366"/>
      <c r="CF85" s="366"/>
      <c r="CG85" s="366"/>
      <c r="CH85" s="366"/>
      <c r="CI85" s="366"/>
      <c r="CJ85" s="366"/>
      <c r="CK85" s="366"/>
      <c r="CL85" s="366"/>
      <c r="CM85" s="366"/>
      <c r="CN85" s="323" t="s">
        <v>190</v>
      </c>
      <c r="CO85" s="323"/>
      <c r="CP85" s="323"/>
      <c r="CQ85" s="323"/>
      <c r="CR85" s="323"/>
      <c r="EQ85" s="12"/>
      <c r="ER85" s="12"/>
      <c r="ES85" s="12"/>
      <c r="ET85" s="12"/>
      <c r="EU85" s="12"/>
      <c r="EV85" s="12"/>
      <c r="EW85" s="12"/>
      <c r="EX85" s="12"/>
      <c r="EY85" s="12"/>
      <c r="EZ85" s="12"/>
      <c r="FA85" s="12"/>
      <c r="FB85" s="12"/>
      <c r="FC85" s="12"/>
    </row>
    <row r="86" spans="1:159" s="8" customFormat="1" ht="8.25" customHeight="1" x14ac:dyDescent="0.55000000000000004">
      <c r="A86" s="360"/>
      <c r="B86" s="361"/>
      <c r="C86" s="362"/>
      <c r="D86" s="314"/>
      <c r="E86" s="315"/>
      <c r="F86" s="315"/>
      <c r="G86" s="315"/>
      <c r="H86" s="315"/>
      <c r="I86" s="315"/>
      <c r="J86" s="315"/>
      <c r="K86" s="315"/>
      <c r="L86" s="315"/>
      <c r="M86" s="315"/>
      <c r="N86" s="315"/>
      <c r="O86" s="315"/>
      <c r="P86" s="315"/>
      <c r="Q86" s="315"/>
      <c r="R86" s="315"/>
      <c r="S86" s="315"/>
      <c r="T86" s="315"/>
      <c r="U86" s="315"/>
      <c r="V86" s="315"/>
      <c r="W86" s="315"/>
      <c r="X86" s="315"/>
      <c r="Y86" s="315"/>
      <c r="Z86" s="315"/>
      <c r="AA86" s="315"/>
      <c r="AB86" s="315"/>
      <c r="AC86" s="315"/>
      <c r="AD86" s="315"/>
      <c r="AE86" s="316"/>
      <c r="AF86" s="346"/>
      <c r="AG86" s="347"/>
      <c r="AH86" s="479"/>
      <c r="AI86" s="480"/>
      <c r="AJ86" s="482"/>
      <c r="AK86" s="482"/>
      <c r="AL86" s="482"/>
      <c r="AM86" s="482"/>
      <c r="AN86" s="482"/>
      <c r="AO86" s="482"/>
      <c r="AP86" s="482"/>
      <c r="AQ86" s="482"/>
      <c r="AR86" s="482"/>
      <c r="AS86" s="482"/>
      <c r="AT86" s="482"/>
      <c r="AU86" s="484"/>
      <c r="AV86" s="331"/>
      <c r="AW86" s="332"/>
      <c r="AX86" s="332"/>
      <c r="AY86" s="332"/>
      <c r="AZ86" s="332"/>
      <c r="BA86" s="332"/>
      <c r="BB86" s="336"/>
      <c r="BC86" s="336"/>
      <c r="BD86" s="332"/>
      <c r="BE86" s="332"/>
      <c r="BF86" s="332"/>
      <c r="BG86" s="332"/>
      <c r="BH86" s="332"/>
      <c r="BI86" s="332"/>
      <c r="BJ86" s="332"/>
      <c r="BK86" s="332"/>
      <c r="BL86" s="332"/>
      <c r="BM86" s="339"/>
      <c r="BN86" s="325"/>
      <c r="BO86" s="325"/>
      <c r="BP86" s="325"/>
      <c r="BQ86" s="325"/>
      <c r="BR86" s="325"/>
      <c r="BS86" s="367"/>
      <c r="BT86" s="367"/>
      <c r="BU86" s="367"/>
      <c r="BV86" s="367"/>
      <c r="BW86" s="367"/>
      <c r="BX86" s="367"/>
      <c r="BY86" s="367"/>
      <c r="BZ86" s="367"/>
      <c r="CA86" s="367"/>
      <c r="CB86" s="367"/>
      <c r="CC86" s="367"/>
      <c r="CD86" s="367"/>
      <c r="CE86" s="367"/>
      <c r="CF86" s="367"/>
      <c r="CG86" s="367"/>
      <c r="CH86" s="367"/>
      <c r="CI86" s="367"/>
      <c r="CJ86" s="367"/>
      <c r="CK86" s="367"/>
      <c r="CL86" s="367"/>
      <c r="CM86" s="367"/>
      <c r="CN86" s="327"/>
      <c r="CO86" s="327"/>
      <c r="CP86" s="327"/>
      <c r="CQ86" s="327"/>
      <c r="CR86" s="327"/>
      <c r="EQ86" s="12"/>
      <c r="ER86" s="12"/>
      <c r="ES86" s="12"/>
      <c r="ET86" s="12"/>
      <c r="EU86" s="12"/>
      <c r="EV86" s="12"/>
      <c r="EW86" s="12"/>
      <c r="EX86" s="12"/>
      <c r="EY86" s="12"/>
      <c r="EZ86" s="12"/>
      <c r="FA86" s="12"/>
      <c r="FB86" s="12"/>
      <c r="FC86" s="12"/>
    </row>
    <row r="87" spans="1:159" s="8" customFormat="1" ht="8.25" customHeight="1" x14ac:dyDescent="0.55000000000000004">
      <c r="A87" s="360"/>
      <c r="B87" s="361"/>
      <c r="C87" s="362"/>
      <c r="D87" s="317"/>
      <c r="E87" s="318"/>
      <c r="F87" s="318"/>
      <c r="G87" s="318"/>
      <c r="H87" s="318"/>
      <c r="I87" s="318"/>
      <c r="J87" s="318"/>
      <c r="K87" s="318"/>
      <c r="L87" s="318"/>
      <c r="M87" s="318"/>
      <c r="N87" s="318"/>
      <c r="O87" s="318"/>
      <c r="P87" s="318"/>
      <c r="Q87" s="318"/>
      <c r="R87" s="318"/>
      <c r="S87" s="318"/>
      <c r="T87" s="318"/>
      <c r="U87" s="318"/>
      <c r="V87" s="318"/>
      <c r="W87" s="318"/>
      <c r="X87" s="318"/>
      <c r="Y87" s="318"/>
      <c r="Z87" s="318"/>
      <c r="AA87" s="318"/>
      <c r="AB87" s="318"/>
      <c r="AC87" s="318"/>
      <c r="AD87" s="318"/>
      <c r="AE87" s="319"/>
      <c r="AF87" s="464" t="s">
        <v>188</v>
      </c>
      <c r="AG87" s="465"/>
      <c r="AH87" s="465"/>
      <c r="AI87" s="465"/>
      <c r="AJ87" s="465"/>
      <c r="AK87" s="465"/>
      <c r="AL87" s="465" t="s">
        <v>142</v>
      </c>
      <c r="AM87" s="465"/>
      <c r="AN87" s="465"/>
      <c r="AO87" s="465"/>
      <c r="AP87" s="465"/>
      <c r="AQ87" s="465"/>
      <c r="AR87" s="465"/>
      <c r="AS87" s="465"/>
      <c r="AT87" s="465"/>
      <c r="AU87" s="468"/>
      <c r="AV87" s="331"/>
      <c r="AW87" s="332"/>
      <c r="AX87" s="332"/>
      <c r="AY87" s="332"/>
      <c r="AZ87" s="332"/>
      <c r="BA87" s="332"/>
      <c r="BB87" s="336"/>
      <c r="BC87" s="336"/>
      <c r="BD87" s="332"/>
      <c r="BE87" s="332"/>
      <c r="BF87" s="332"/>
      <c r="BG87" s="332"/>
      <c r="BH87" s="332"/>
      <c r="BI87" s="332"/>
      <c r="BJ87" s="332"/>
      <c r="BK87" s="332"/>
      <c r="BL87" s="332"/>
      <c r="BM87" s="339"/>
      <c r="BN87" s="325"/>
      <c r="BO87" s="325"/>
      <c r="BP87" s="325"/>
      <c r="BQ87" s="325"/>
      <c r="BR87" s="325"/>
      <c r="BS87" s="367"/>
      <c r="BT87" s="367"/>
      <c r="BU87" s="367"/>
      <c r="BV87" s="367"/>
      <c r="BW87" s="367"/>
      <c r="BX87" s="367"/>
      <c r="BY87" s="367"/>
      <c r="BZ87" s="367"/>
      <c r="CA87" s="367"/>
      <c r="CB87" s="367"/>
      <c r="CC87" s="367"/>
      <c r="CD87" s="367"/>
      <c r="CE87" s="367"/>
      <c r="CF87" s="367"/>
      <c r="CG87" s="367"/>
      <c r="CH87" s="367"/>
      <c r="CI87" s="367"/>
      <c r="CJ87" s="367"/>
      <c r="CK87" s="367"/>
      <c r="CL87" s="367"/>
      <c r="CM87" s="367"/>
      <c r="CN87" s="327"/>
      <c r="CO87" s="327"/>
      <c r="CP87" s="327"/>
      <c r="CQ87" s="327"/>
      <c r="CR87" s="327"/>
      <c r="EQ87" s="12"/>
      <c r="ER87" s="12"/>
      <c r="ES87" s="12"/>
      <c r="ET87" s="12"/>
      <c r="EU87" s="12"/>
      <c r="EV87" s="12"/>
      <c r="EW87" s="12"/>
      <c r="EX87" s="12"/>
      <c r="EY87" s="12"/>
      <c r="EZ87" s="12"/>
      <c r="FA87" s="12"/>
      <c r="FB87" s="12"/>
      <c r="FC87" s="12"/>
    </row>
    <row r="88" spans="1:159" s="8" customFormat="1" ht="8.25" customHeight="1" x14ac:dyDescent="0.55000000000000004">
      <c r="A88" s="360"/>
      <c r="B88" s="361"/>
      <c r="C88" s="362"/>
      <c r="D88" s="317"/>
      <c r="E88" s="318"/>
      <c r="F88" s="318"/>
      <c r="G88" s="318"/>
      <c r="H88" s="318"/>
      <c r="I88" s="318"/>
      <c r="J88" s="318"/>
      <c r="K88" s="318"/>
      <c r="L88" s="318"/>
      <c r="M88" s="318"/>
      <c r="N88" s="318"/>
      <c r="O88" s="318"/>
      <c r="P88" s="318"/>
      <c r="Q88" s="318"/>
      <c r="R88" s="318"/>
      <c r="S88" s="318"/>
      <c r="T88" s="318"/>
      <c r="U88" s="318"/>
      <c r="V88" s="318"/>
      <c r="W88" s="318"/>
      <c r="X88" s="318"/>
      <c r="Y88" s="318"/>
      <c r="Z88" s="318"/>
      <c r="AA88" s="318"/>
      <c r="AB88" s="318"/>
      <c r="AC88" s="318"/>
      <c r="AD88" s="318"/>
      <c r="AE88" s="319"/>
      <c r="AF88" s="464"/>
      <c r="AG88" s="465"/>
      <c r="AH88" s="465"/>
      <c r="AI88" s="465"/>
      <c r="AJ88" s="465"/>
      <c r="AK88" s="465"/>
      <c r="AL88" s="465"/>
      <c r="AM88" s="465"/>
      <c r="AN88" s="465"/>
      <c r="AO88" s="465"/>
      <c r="AP88" s="465"/>
      <c r="AQ88" s="465"/>
      <c r="AR88" s="465"/>
      <c r="AS88" s="465"/>
      <c r="AT88" s="465"/>
      <c r="AU88" s="468"/>
      <c r="AV88" s="331"/>
      <c r="AW88" s="332"/>
      <c r="AX88" s="332"/>
      <c r="AY88" s="332"/>
      <c r="AZ88" s="332"/>
      <c r="BA88" s="332"/>
      <c r="BB88" s="336"/>
      <c r="BC88" s="336"/>
      <c r="BD88" s="332"/>
      <c r="BE88" s="332"/>
      <c r="BF88" s="332"/>
      <c r="BG88" s="332"/>
      <c r="BH88" s="332"/>
      <c r="BI88" s="332"/>
      <c r="BJ88" s="332"/>
      <c r="BK88" s="332"/>
      <c r="BL88" s="332"/>
      <c r="BM88" s="339"/>
      <c r="BN88" s="325"/>
      <c r="BO88" s="325"/>
      <c r="BP88" s="325"/>
      <c r="BQ88" s="325"/>
      <c r="BR88" s="325"/>
      <c r="BS88" s="367"/>
      <c r="BT88" s="367"/>
      <c r="BU88" s="367"/>
      <c r="BV88" s="367"/>
      <c r="BW88" s="367"/>
      <c r="BX88" s="367"/>
      <c r="BY88" s="367"/>
      <c r="BZ88" s="367"/>
      <c r="CA88" s="367"/>
      <c r="CB88" s="367"/>
      <c r="CC88" s="367"/>
      <c r="CD88" s="367"/>
      <c r="CE88" s="367"/>
      <c r="CF88" s="367"/>
      <c r="CG88" s="367"/>
      <c r="CH88" s="367"/>
      <c r="CI88" s="367"/>
      <c r="CJ88" s="367"/>
      <c r="CK88" s="367"/>
      <c r="CL88" s="367"/>
      <c r="CM88" s="367"/>
      <c r="CN88" s="327"/>
      <c r="CO88" s="327"/>
      <c r="CP88" s="327"/>
      <c r="CQ88" s="327"/>
      <c r="CR88" s="327"/>
      <c r="EQ88" s="12"/>
      <c r="ER88" s="14"/>
      <c r="ES88" s="14"/>
      <c r="ET88" s="14"/>
      <c r="EU88" s="14"/>
      <c r="EV88" s="14"/>
      <c r="EW88" s="14"/>
      <c r="EX88" s="14"/>
      <c r="EY88" s="14"/>
      <c r="EZ88" s="14"/>
      <c r="FA88" s="14"/>
      <c r="FB88" s="14"/>
      <c r="FC88" s="14"/>
    </row>
    <row r="89" spans="1:159" s="8" customFormat="1" ht="8.25" customHeight="1" x14ac:dyDescent="0.55000000000000004">
      <c r="A89" s="363"/>
      <c r="B89" s="364"/>
      <c r="C89" s="365"/>
      <c r="D89" s="320"/>
      <c r="E89" s="321"/>
      <c r="F89" s="321"/>
      <c r="G89" s="321"/>
      <c r="H89" s="321"/>
      <c r="I89" s="321"/>
      <c r="J89" s="321"/>
      <c r="K89" s="321"/>
      <c r="L89" s="321"/>
      <c r="M89" s="321"/>
      <c r="N89" s="321"/>
      <c r="O89" s="321"/>
      <c r="P89" s="321"/>
      <c r="Q89" s="321"/>
      <c r="R89" s="321"/>
      <c r="S89" s="321"/>
      <c r="T89" s="321"/>
      <c r="U89" s="321"/>
      <c r="V89" s="321"/>
      <c r="W89" s="321"/>
      <c r="X89" s="321"/>
      <c r="Y89" s="321"/>
      <c r="Z89" s="321"/>
      <c r="AA89" s="321"/>
      <c r="AB89" s="321"/>
      <c r="AC89" s="321"/>
      <c r="AD89" s="321"/>
      <c r="AE89" s="322"/>
      <c r="AF89" s="466"/>
      <c r="AG89" s="467"/>
      <c r="AH89" s="467"/>
      <c r="AI89" s="467"/>
      <c r="AJ89" s="467"/>
      <c r="AK89" s="467"/>
      <c r="AL89" s="467"/>
      <c r="AM89" s="467"/>
      <c r="AN89" s="467"/>
      <c r="AO89" s="467"/>
      <c r="AP89" s="467"/>
      <c r="AQ89" s="467"/>
      <c r="AR89" s="467"/>
      <c r="AS89" s="467"/>
      <c r="AT89" s="467"/>
      <c r="AU89" s="469"/>
      <c r="AV89" s="333"/>
      <c r="AW89" s="334"/>
      <c r="AX89" s="334"/>
      <c r="AY89" s="334"/>
      <c r="AZ89" s="334"/>
      <c r="BA89" s="334"/>
      <c r="BB89" s="337"/>
      <c r="BC89" s="337"/>
      <c r="BD89" s="334"/>
      <c r="BE89" s="334"/>
      <c r="BF89" s="334"/>
      <c r="BG89" s="334"/>
      <c r="BH89" s="334"/>
      <c r="BI89" s="334"/>
      <c r="BJ89" s="334"/>
      <c r="BK89" s="334"/>
      <c r="BL89" s="334"/>
      <c r="BM89" s="340"/>
      <c r="BN89" s="326"/>
      <c r="BO89" s="326"/>
      <c r="BP89" s="326"/>
      <c r="BQ89" s="326"/>
      <c r="BR89" s="326"/>
      <c r="BS89" s="368"/>
      <c r="BT89" s="368"/>
      <c r="BU89" s="368"/>
      <c r="BV89" s="368"/>
      <c r="BW89" s="368"/>
      <c r="BX89" s="368"/>
      <c r="BY89" s="368"/>
      <c r="BZ89" s="368"/>
      <c r="CA89" s="368"/>
      <c r="CB89" s="368"/>
      <c r="CC89" s="368"/>
      <c r="CD89" s="368"/>
      <c r="CE89" s="368"/>
      <c r="CF89" s="368"/>
      <c r="CG89" s="368"/>
      <c r="CH89" s="368"/>
      <c r="CI89" s="368"/>
      <c r="CJ89" s="368"/>
      <c r="CK89" s="368"/>
      <c r="CL89" s="368"/>
      <c r="CM89" s="368"/>
      <c r="CN89" s="328"/>
      <c r="CO89" s="328"/>
      <c r="CP89" s="328"/>
      <c r="CQ89" s="328"/>
      <c r="CR89" s="328"/>
      <c r="EQ89" s="12"/>
      <c r="ER89" s="14"/>
      <c r="ES89" s="14"/>
      <c r="ET89" s="14"/>
      <c r="EU89" s="14"/>
      <c r="EV89" s="14"/>
      <c r="EW89" s="14"/>
      <c r="EX89" s="14"/>
      <c r="EY89" s="14"/>
      <c r="EZ89" s="14"/>
      <c r="FA89" s="14"/>
      <c r="FB89" s="14"/>
      <c r="FC89" s="14"/>
    </row>
    <row r="90" spans="1:159" s="31" customFormat="1" ht="12" customHeight="1" x14ac:dyDescent="0.55000000000000004">
      <c r="A90" s="27"/>
      <c r="B90" s="27"/>
      <c r="C90" s="39"/>
      <c r="D90" s="47"/>
      <c r="E90" s="47"/>
      <c r="F90" s="47"/>
      <c r="G90" s="47"/>
      <c r="H90" s="47"/>
      <c r="I90" s="47"/>
      <c r="J90" s="47"/>
      <c r="K90" s="47"/>
      <c r="L90" s="47"/>
      <c r="M90" s="47"/>
      <c r="N90" s="47"/>
      <c r="O90" s="47"/>
      <c r="P90" s="47"/>
      <c r="Q90" s="47"/>
      <c r="R90" s="47"/>
      <c r="S90" s="47"/>
      <c r="T90" s="47"/>
      <c r="U90" s="47"/>
      <c r="V90" s="47"/>
      <c r="W90" s="47"/>
      <c r="X90" s="47"/>
      <c r="Y90" s="47"/>
      <c r="Z90" s="47"/>
      <c r="AA90" s="47"/>
      <c r="AB90" s="47"/>
      <c r="AC90" s="47"/>
      <c r="AD90" s="47"/>
      <c r="AE90" s="47"/>
      <c r="AF90" s="47"/>
      <c r="AG90" s="47"/>
      <c r="AH90" s="47"/>
      <c r="AI90" s="47"/>
      <c r="AJ90" s="47"/>
      <c r="AK90" s="47"/>
      <c r="AL90" s="27"/>
      <c r="AM90" s="48"/>
      <c r="AN90" s="49"/>
      <c r="AO90" s="49"/>
      <c r="AP90" s="49"/>
      <c r="AQ90" s="49"/>
      <c r="AR90" s="49"/>
      <c r="AS90" s="49"/>
      <c r="AT90" s="49"/>
      <c r="AU90" s="49"/>
      <c r="AV90" s="49"/>
      <c r="AW90" s="49"/>
      <c r="AX90" s="49"/>
      <c r="AY90" s="49"/>
      <c r="AZ90" s="49"/>
      <c r="BA90" s="49"/>
      <c r="BB90" s="49"/>
      <c r="BC90" s="49"/>
      <c r="BD90" s="49"/>
      <c r="BE90" s="49"/>
      <c r="BF90" s="49"/>
      <c r="BG90" s="49"/>
      <c r="BH90" s="49"/>
      <c r="BI90" s="49"/>
      <c r="BJ90" s="49"/>
      <c r="BK90" s="49"/>
      <c r="BL90" s="49"/>
      <c r="BM90" s="49"/>
      <c r="BN90" s="49"/>
      <c r="BO90" s="49"/>
      <c r="BP90" s="49"/>
      <c r="BQ90" s="49"/>
      <c r="BR90" s="49"/>
      <c r="BS90" s="49"/>
      <c r="BT90" s="49"/>
      <c r="BU90" s="49"/>
      <c r="BW90" s="13"/>
      <c r="BX90" s="13"/>
      <c r="BY90" s="13"/>
      <c r="BZ90" s="13"/>
      <c r="CA90" s="13"/>
      <c r="CB90" s="13"/>
      <c r="CC90" s="13"/>
      <c r="CD90" s="13"/>
      <c r="CE90" s="13"/>
      <c r="CF90" s="13"/>
      <c r="CG90" s="13"/>
      <c r="CH90" s="13"/>
      <c r="CI90" s="13"/>
      <c r="CJ90" s="13"/>
      <c r="CK90" s="12"/>
      <c r="CL90" s="12"/>
      <c r="CM90" s="12"/>
      <c r="CN90" s="12"/>
      <c r="CO90" s="12"/>
      <c r="CP90" s="12"/>
      <c r="CQ90" s="12"/>
      <c r="EQ90" s="12"/>
      <c r="ER90" s="14"/>
      <c r="ES90" s="14"/>
      <c r="ET90" s="14"/>
      <c r="EU90" s="14"/>
      <c r="EV90" s="14"/>
      <c r="EW90" s="14"/>
      <c r="EX90" s="14"/>
      <c r="EY90" s="14"/>
      <c r="EZ90" s="14"/>
      <c r="FA90" s="14"/>
      <c r="FB90" s="14"/>
      <c r="FC90" s="14"/>
    </row>
    <row r="91" spans="1:159" s="31" customFormat="1" ht="6.4" customHeight="1" x14ac:dyDescent="0.55000000000000004">
      <c r="A91" s="450" t="s">
        <v>53</v>
      </c>
      <c r="B91" s="450"/>
      <c r="C91" s="450"/>
      <c r="D91" s="450"/>
      <c r="E91" s="450"/>
      <c r="F91" s="450"/>
      <c r="G91" s="450"/>
      <c r="H91" s="450"/>
      <c r="I91" s="450"/>
      <c r="J91" s="450"/>
      <c r="K91" s="450"/>
      <c r="L91" s="450"/>
      <c r="M91" s="450"/>
      <c r="N91" s="450"/>
      <c r="O91" s="450"/>
      <c r="P91" s="450"/>
      <c r="Q91" s="450"/>
      <c r="R91" s="450"/>
      <c r="S91" s="450"/>
      <c r="T91" s="450"/>
      <c r="U91" s="450"/>
      <c r="V91" s="450"/>
      <c r="W91" s="450"/>
      <c r="X91" s="450"/>
      <c r="Y91" s="450"/>
      <c r="Z91" s="450"/>
      <c r="AA91" s="450"/>
      <c r="AB91" s="450"/>
      <c r="AC91" s="450"/>
      <c r="AD91" s="450"/>
      <c r="AE91" s="450"/>
      <c r="AF91" s="450"/>
      <c r="AG91" s="450"/>
      <c r="AH91" s="450"/>
      <c r="AI91" s="450"/>
      <c r="AJ91" s="450"/>
      <c r="AK91" s="450"/>
      <c r="AL91" s="450"/>
      <c r="AM91" s="450"/>
      <c r="AN91" s="450"/>
      <c r="AO91" s="450"/>
      <c r="AP91" s="450"/>
      <c r="AQ91" s="450"/>
      <c r="AR91" s="450"/>
      <c r="AS91" s="450"/>
      <c r="AT91" s="450"/>
      <c r="AU91" s="450"/>
      <c r="AV91" s="450"/>
      <c r="AW91" s="450"/>
      <c r="AX91" s="450"/>
      <c r="AY91" s="450"/>
      <c r="AZ91" s="450"/>
      <c r="BA91" s="450"/>
      <c r="BB91" s="450"/>
      <c r="BC91" s="450"/>
      <c r="BD91" s="450"/>
      <c r="BE91" s="450"/>
      <c r="BF91" s="450"/>
      <c r="BG91" s="450"/>
      <c r="BH91" s="450"/>
      <c r="BI91" s="450"/>
      <c r="BJ91" s="450"/>
      <c r="BK91" s="450"/>
      <c r="BL91" s="450"/>
      <c r="BM91" s="450"/>
      <c r="BN91" s="450"/>
      <c r="BO91" s="450"/>
      <c r="BP91" s="450"/>
      <c r="BQ91" s="450"/>
      <c r="BR91" s="450"/>
      <c r="BS91" s="450"/>
      <c r="BT91" s="450"/>
      <c r="BU91" s="450"/>
      <c r="BV91" s="450"/>
      <c r="BW91" s="450"/>
      <c r="BX91" s="450"/>
      <c r="BY91" s="450"/>
      <c r="BZ91" s="450"/>
      <c r="CA91" s="450"/>
      <c r="CB91" s="450"/>
      <c r="CC91" s="450"/>
      <c r="CD91" s="450"/>
      <c r="CE91" s="450"/>
      <c r="CF91" s="450"/>
      <c r="CG91" s="450"/>
      <c r="CH91" s="450"/>
      <c r="CI91" s="450"/>
      <c r="CJ91" s="450"/>
      <c r="CK91" s="450"/>
      <c r="CL91" s="450"/>
      <c r="CM91" s="450"/>
      <c r="CN91" s="450"/>
      <c r="CO91" s="450"/>
      <c r="CP91" s="450"/>
      <c r="CQ91" s="450"/>
      <c r="CR91" s="450"/>
      <c r="EK91" s="12"/>
      <c r="EL91" s="12"/>
      <c r="EM91" s="12"/>
      <c r="EN91" s="12"/>
      <c r="EO91" s="12"/>
      <c r="EP91" s="12"/>
      <c r="EQ91" s="12"/>
      <c r="ER91" s="14"/>
      <c r="ES91" s="14"/>
      <c r="ET91" s="14"/>
      <c r="EU91" s="14"/>
      <c r="EV91" s="14"/>
      <c r="EW91" s="14"/>
      <c r="EX91" s="14"/>
      <c r="EY91" s="14"/>
      <c r="EZ91" s="14"/>
      <c r="FA91" s="14"/>
      <c r="FB91" s="14"/>
      <c r="FC91" s="14"/>
    </row>
    <row r="92" spans="1:159" s="14" customFormat="1" ht="7.5" customHeight="1" x14ac:dyDescent="0.55000000000000004">
      <c r="A92" s="450"/>
      <c r="B92" s="450"/>
      <c r="C92" s="450"/>
      <c r="D92" s="450"/>
      <c r="E92" s="450"/>
      <c r="F92" s="450"/>
      <c r="G92" s="450"/>
      <c r="H92" s="450"/>
      <c r="I92" s="450"/>
      <c r="J92" s="450"/>
      <c r="K92" s="450"/>
      <c r="L92" s="450"/>
      <c r="M92" s="450"/>
      <c r="N92" s="450"/>
      <c r="O92" s="450"/>
      <c r="P92" s="450"/>
      <c r="Q92" s="450"/>
      <c r="R92" s="450"/>
      <c r="S92" s="450"/>
      <c r="T92" s="450"/>
      <c r="U92" s="450"/>
      <c r="V92" s="450"/>
      <c r="W92" s="450"/>
      <c r="X92" s="450"/>
      <c r="Y92" s="450"/>
      <c r="Z92" s="450"/>
      <c r="AA92" s="450"/>
      <c r="AB92" s="450"/>
      <c r="AC92" s="450"/>
      <c r="AD92" s="450"/>
      <c r="AE92" s="450"/>
      <c r="AF92" s="450"/>
      <c r="AG92" s="450"/>
      <c r="AH92" s="450"/>
      <c r="AI92" s="450"/>
      <c r="AJ92" s="450"/>
      <c r="AK92" s="450"/>
      <c r="AL92" s="450"/>
      <c r="AM92" s="450"/>
      <c r="AN92" s="450"/>
      <c r="AO92" s="450"/>
      <c r="AP92" s="450"/>
      <c r="AQ92" s="450"/>
      <c r="AR92" s="450"/>
      <c r="AS92" s="450"/>
      <c r="AT92" s="450"/>
      <c r="AU92" s="450"/>
      <c r="AV92" s="450"/>
      <c r="AW92" s="450"/>
      <c r="AX92" s="450"/>
      <c r="AY92" s="450"/>
      <c r="AZ92" s="450"/>
      <c r="BA92" s="450"/>
      <c r="BB92" s="450"/>
      <c r="BC92" s="450"/>
      <c r="BD92" s="450"/>
      <c r="BE92" s="450"/>
      <c r="BF92" s="450"/>
      <c r="BG92" s="450"/>
      <c r="BH92" s="450"/>
      <c r="BI92" s="450"/>
      <c r="BJ92" s="450"/>
      <c r="BK92" s="450"/>
      <c r="BL92" s="450"/>
      <c r="BM92" s="450"/>
      <c r="BN92" s="450"/>
      <c r="BO92" s="450"/>
      <c r="BP92" s="450"/>
      <c r="BQ92" s="450"/>
      <c r="BR92" s="450"/>
      <c r="BS92" s="450"/>
      <c r="BT92" s="450"/>
      <c r="BU92" s="450"/>
      <c r="BV92" s="450"/>
      <c r="BW92" s="450"/>
      <c r="BX92" s="450"/>
      <c r="BY92" s="450"/>
      <c r="BZ92" s="450"/>
      <c r="CA92" s="450"/>
      <c r="CB92" s="450"/>
      <c r="CC92" s="450"/>
      <c r="CD92" s="450"/>
      <c r="CE92" s="450"/>
      <c r="CF92" s="450"/>
      <c r="CG92" s="450"/>
      <c r="CH92" s="450"/>
      <c r="CI92" s="450"/>
      <c r="CJ92" s="450"/>
      <c r="CK92" s="450"/>
      <c r="CL92" s="450"/>
      <c r="CM92" s="450"/>
      <c r="CN92" s="450"/>
      <c r="CO92" s="450"/>
      <c r="CP92" s="450"/>
      <c r="CQ92" s="450"/>
      <c r="CR92" s="450"/>
      <c r="CS92" s="46"/>
      <c r="CT92" s="46"/>
      <c r="CU92" s="46"/>
      <c r="CV92" s="46"/>
      <c r="CW92" s="46"/>
      <c r="EK92" s="19"/>
      <c r="EL92" s="19"/>
      <c r="EM92" s="19"/>
      <c r="EN92" s="19"/>
      <c r="EO92" s="19"/>
      <c r="EP92" s="19"/>
      <c r="EQ92" s="19"/>
      <c r="ER92" s="19"/>
      <c r="ES92" s="19"/>
      <c r="ET92" s="19"/>
    </row>
    <row r="93" spans="1:159" s="8" customFormat="1" ht="7.5" customHeight="1" x14ac:dyDescent="0.55000000000000004">
      <c r="A93" s="451"/>
      <c r="B93" s="451"/>
      <c r="C93" s="451"/>
      <c r="D93" s="451"/>
      <c r="E93" s="451"/>
      <c r="F93" s="451"/>
      <c r="G93" s="451"/>
      <c r="H93" s="451"/>
      <c r="I93" s="451"/>
      <c r="J93" s="451"/>
      <c r="K93" s="451"/>
      <c r="L93" s="451"/>
      <c r="M93" s="451"/>
      <c r="N93" s="451"/>
      <c r="O93" s="451"/>
      <c r="P93" s="451"/>
      <c r="Q93" s="451"/>
      <c r="R93" s="451"/>
      <c r="S93" s="451"/>
      <c r="T93" s="451"/>
      <c r="U93" s="451"/>
      <c r="V93" s="451"/>
      <c r="W93" s="451"/>
      <c r="X93" s="451"/>
      <c r="Y93" s="451"/>
      <c r="Z93" s="451"/>
      <c r="AA93" s="451"/>
      <c r="AB93" s="451"/>
      <c r="AC93" s="451"/>
      <c r="AD93" s="451"/>
      <c r="AE93" s="451"/>
      <c r="AF93" s="451"/>
      <c r="AG93" s="451"/>
      <c r="AH93" s="451"/>
      <c r="AI93" s="451"/>
      <c r="AJ93" s="451"/>
      <c r="AK93" s="451"/>
      <c r="AL93" s="451"/>
      <c r="AM93" s="451"/>
      <c r="AN93" s="451"/>
      <c r="AO93" s="451"/>
      <c r="AP93" s="451"/>
      <c r="AQ93" s="451"/>
      <c r="AR93" s="451"/>
      <c r="AS93" s="451"/>
      <c r="AT93" s="451"/>
      <c r="AU93" s="451"/>
      <c r="AV93" s="451"/>
      <c r="AW93" s="451"/>
      <c r="AX93" s="451"/>
      <c r="AY93" s="451"/>
      <c r="AZ93" s="451"/>
      <c r="BA93" s="451"/>
      <c r="BB93" s="451"/>
      <c r="BC93" s="451"/>
      <c r="BD93" s="451"/>
      <c r="BE93" s="451"/>
      <c r="BF93" s="451"/>
      <c r="BG93" s="451"/>
      <c r="BH93" s="451"/>
      <c r="BI93" s="451"/>
      <c r="BJ93" s="451"/>
      <c r="BK93" s="451"/>
      <c r="BL93" s="451"/>
      <c r="BM93" s="451"/>
      <c r="BN93" s="451"/>
      <c r="BO93" s="451"/>
      <c r="BP93" s="451"/>
      <c r="BQ93" s="451"/>
      <c r="BR93" s="451"/>
      <c r="BS93" s="451"/>
      <c r="BT93" s="451"/>
      <c r="BU93" s="451"/>
      <c r="BV93" s="451"/>
      <c r="BW93" s="451"/>
      <c r="BX93" s="451"/>
      <c r="BY93" s="451"/>
      <c r="BZ93" s="451"/>
      <c r="CA93" s="451"/>
      <c r="CB93" s="451"/>
      <c r="CC93" s="451"/>
      <c r="CD93" s="451"/>
      <c r="CE93" s="451"/>
      <c r="CF93" s="451"/>
      <c r="CG93" s="451"/>
      <c r="CH93" s="451"/>
      <c r="CI93" s="451"/>
      <c r="CJ93" s="451"/>
      <c r="CK93" s="451"/>
      <c r="CL93" s="451"/>
      <c r="CM93" s="451"/>
      <c r="CN93" s="451"/>
      <c r="CO93" s="451"/>
      <c r="CP93" s="451"/>
      <c r="CQ93" s="451"/>
      <c r="CR93" s="451"/>
      <c r="CS93" s="46"/>
      <c r="CT93" s="46"/>
      <c r="CU93" s="46"/>
      <c r="CV93" s="46"/>
      <c r="CW93" s="46"/>
      <c r="EK93" s="19"/>
      <c r="EL93" s="19"/>
      <c r="EM93" s="19"/>
      <c r="EN93" s="19"/>
      <c r="EO93" s="19"/>
      <c r="EP93" s="19"/>
      <c r="EQ93" s="19"/>
      <c r="ER93" s="19"/>
      <c r="ES93" s="19"/>
      <c r="ET93" s="19"/>
    </row>
    <row r="94" spans="1:159" s="8" customFormat="1" ht="7.5" customHeight="1" x14ac:dyDescent="0.55000000000000004">
      <c r="A94" s="470" t="s">
        <v>54</v>
      </c>
      <c r="B94" s="471"/>
      <c r="C94" s="471"/>
      <c r="D94" s="471"/>
      <c r="E94" s="471"/>
      <c r="F94" s="471"/>
      <c r="G94" s="471"/>
      <c r="H94" s="471"/>
      <c r="I94" s="471"/>
      <c r="J94" s="471"/>
      <c r="K94" s="471"/>
      <c r="L94" s="452" t="s">
        <v>191</v>
      </c>
      <c r="M94" s="453"/>
      <c r="N94" s="453"/>
      <c r="O94" s="453"/>
      <c r="P94" s="453"/>
      <c r="Q94" s="453"/>
      <c r="R94" s="453"/>
      <c r="S94" s="453"/>
      <c r="T94" s="453"/>
      <c r="U94" s="453"/>
      <c r="V94" s="453"/>
      <c r="W94" s="453"/>
      <c r="X94" s="453"/>
      <c r="Y94" s="453"/>
      <c r="Z94" s="453"/>
      <c r="AA94" s="453"/>
      <c r="AB94" s="453"/>
      <c r="AC94" s="453"/>
      <c r="AD94" s="453"/>
      <c r="AE94" s="453"/>
      <c r="AF94" s="453"/>
      <c r="AG94" s="453"/>
      <c r="AH94" s="453"/>
      <c r="AI94" s="453"/>
      <c r="AJ94" s="453"/>
      <c r="AK94" s="453"/>
      <c r="AL94" s="453"/>
      <c r="AM94" s="453"/>
      <c r="AN94" s="453"/>
      <c r="AO94" s="453"/>
      <c r="AP94" s="453"/>
      <c r="AQ94" s="453"/>
      <c r="AR94" s="453"/>
      <c r="AS94" s="453"/>
      <c r="AT94" s="453"/>
      <c r="AU94" s="453"/>
      <c r="AV94" s="453"/>
      <c r="AW94" s="453"/>
      <c r="AX94" s="453"/>
      <c r="AY94" s="453"/>
      <c r="AZ94" s="453"/>
      <c r="BA94" s="453"/>
      <c r="BB94" s="453"/>
      <c r="BC94" s="453"/>
      <c r="BD94" s="453"/>
      <c r="BE94" s="453"/>
      <c r="BF94" s="453"/>
      <c r="BG94" s="453"/>
      <c r="BH94" s="453"/>
      <c r="BI94" s="453"/>
      <c r="BJ94" s="453"/>
      <c r="BK94" s="453"/>
      <c r="BL94" s="453"/>
      <c r="BM94" s="453"/>
      <c r="BN94" s="453"/>
      <c r="BO94" s="453"/>
      <c r="BP94" s="453"/>
      <c r="BQ94" s="453"/>
      <c r="BR94" s="453"/>
      <c r="BS94" s="453"/>
      <c r="BT94" s="453"/>
      <c r="BU94" s="453"/>
      <c r="BV94" s="453"/>
      <c r="BW94" s="453"/>
      <c r="BX94" s="453"/>
      <c r="BY94" s="453"/>
      <c r="BZ94" s="453"/>
      <c r="CA94" s="453"/>
      <c r="CB94" s="453"/>
      <c r="CC94" s="453"/>
      <c r="CD94" s="453"/>
      <c r="CE94" s="453"/>
      <c r="CF94" s="453"/>
      <c r="CG94" s="453"/>
      <c r="CH94" s="453"/>
      <c r="CI94" s="453"/>
      <c r="CJ94" s="453"/>
      <c r="CK94" s="453"/>
      <c r="CL94" s="453"/>
      <c r="CM94" s="453"/>
      <c r="CN94" s="453"/>
      <c r="CO94" s="453"/>
      <c r="CP94" s="453"/>
      <c r="CQ94" s="453"/>
      <c r="CR94" s="454"/>
      <c r="CS94" s="46"/>
      <c r="CT94" s="46"/>
      <c r="CU94" s="46"/>
      <c r="CV94" s="46"/>
      <c r="CW94" s="46"/>
      <c r="EK94" s="19"/>
      <c r="EL94" s="19"/>
      <c r="EM94" s="19"/>
      <c r="EN94" s="19"/>
      <c r="EO94" s="19"/>
      <c r="EP94" s="19"/>
      <c r="EQ94" s="19"/>
      <c r="ER94" s="19"/>
      <c r="ES94" s="19"/>
      <c r="ET94" s="19"/>
    </row>
    <row r="95" spans="1:159" s="8" customFormat="1" ht="7.5" customHeight="1" x14ac:dyDescent="0.55000000000000004">
      <c r="A95" s="470"/>
      <c r="B95" s="471"/>
      <c r="C95" s="471"/>
      <c r="D95" s="471"/>
      <c r="E95" s="471"/>
      <c r="F95" s="471"/>
      <c r="G95" s="471"/>
      <c r="H95" s="471"/>
      <c r="I95" s="471"/>
      <c r="J95" s="471"/>
      <c r="K95" s="471"/>
      <c r="L95" s="455"/>
      <c r="M95" s="456"/>
      <c r="N95" s="456"/>
      <c r="O95" s="456"/>
      <c r="P95" s="456"/>
      <c r="Q95" s="456"/>
      <c r="R95" s="456"/>
      <c r="S95" s="456"/>
      <c r="T95" s="456"/>
      <c r="U95" s="456"/>
      <c r="V95" s="456"/>
      <c r="W95" s="456"/>
      <c r="X95" s="456"/>
      <c r="Y95" s="456"/>
      <c r="Z95" s="456"/>
      <c r="AA95" s="456"/>
      <c r="AB95" s="456"/>
      <c r="AC95" s="456"/>
      <c r="AD95" s="456"/>
      <c r="AE95" s="456"/>
      <c r="AF95" s="456"/>
      <c r="AG95" s="456"/>
      <c r="AH95" s="456"/>
      <c r="AI95" s="456"/>
      <c r="AJ95" s="456"/>
      <c r="AK95" s="456"/>
      <c r="AL95" s="456"/>
      <c r="AM95" s="456"/>
      <c r="AN95" s="456"/>
      <c r="AO95" s="456"/>
      <c r="AP95" s="456"/>
      <c r="AQ95" s="456"/>
      <c r="AR95" s="456"/>
      <c r="AS95" s="456"/>
      <c r="AT95" s="456"/>
      <c r="AU95" s="456"/>
      <c r="AV95" s="456"/>
      <c r="AW95" s="456"/>
      <c r="AX95" s="456"/>
      <c r="AY95" s="456"/>
      <c r="AZ95" s="456"/>
      <c r="BA95" s="456"/>
      <c r="BB95" s="456"/>
      <c r="BC95" s="456"/>
      <c r="BD95" s="456"/>
      <c r="BE95" s="456"/>
      <c r="BF95" s="456"/>
      <c r="BG95" s="456"/>
      <c r="BH95" s="456"/>
      <c r="BI95" s="456"/>
      <c r="BJ95" s="456"/>
      <c r="BK95" s="456"/>
      <c r="BL95" s="456"/>
      <c r="BM95" s="456"/>
      <c r="BN95" s="456"/>
      <c r="BO95" s="456"/>
      <c r="BP95" s="456"/>
      <c r="BQ95" s="456"/>
      <c r="BR95" s="456"/>
      <c r="BS95" s="456"/>
      <c r="BT95" s="456"/>
      <c r="BU95" s="456"/>
      <c r="BV95" s="456"/>
      <c r="BW95" s="456"/>
      <c r="BX95" s="456"/>
      <c r="BY95" s="456"/>
      <c r="BZ95" s="456"/>
      <c r="CA95" s="456"/>
      <c r="CB95" s="456"/>
      <c r="CC95" s="456"/>
      <c r="CD95" s="456"/>
      <c r="CE95" s="456"/>
      <c r="CF95" s="456"/>
      <c r="CG95" s="456"/>
      <c r="CH95" s="456"/>
      <c r="CI95" s="456"/>
      <c r="CJ95" s="456"/>
      <c r="CK95" s="456"/>
      <c r="CL95" s="456"/>
      <c r="CM95" s="456"/>
      <c r="CN95" s="456"/>
      <c r="CO95" s="456"/>
      <c r="CP95" s="456"/>
      <c r="CQ95" s="456"/>
      <c r="CR95" s="457"/>
      <c r="CS95" s="46"/>
      <c r="CT95" s="46"/>
      <c r="CU95" s="46"/>
      <c r="CV95" s="46"/>
      <c r="CW95" s="46"/>
      <c r="EK95" s="19"/>
      <c r="EL95" s="19"/>
      <c r="EM95" s="19"/>
      <c r="EN95" s="19"/>
      <c r="EO95" s="19"/>
      <c r="EP95" s="19"/>
      <c r="EQ95" s="19"/>
      <c r="ER95" s="19"/>
      <c r="ES95" s="19"/>
      <c r="ET95" s="19"/>
    </row>
    <row r="96" spans="1:159" s="8" customFormat="1" ht="7.5" customHeight="1" x14ac:dyDescent="0.55000000000000004">
      <c r="A96" s="470"/>
      <c r="B96" s="471"/>
      <c r="C96" s="471"/>
      <c r="D96" s="471"/>
      <c r="E96" s="471"/>
      <c r="F96" s="471"/>
      <c r="G96" s="471"/>
      <c r="H96" s="471"/>
      <c r="I96" s="471"/>
      <c r="J96" s="471"/>
      <c r="K96" s="471"/>
      <c r="L96" s="455"/>
      <c r="M96" s="456"/>
      <c r="N96" s="456"/>
      <c r="O96" s="456"/>
      <c r="P96" s="456"/>
      <c r="Q96" s="456"/>
      <c r="R96" s="456"/>
      <c r="S96" s="456"/>
      <c r="T96" s="456"/>
      <c r="U96" s="456"/>
      <c r="V96" s="456"/>
      <c r="W96" s="456"/>
      <c r="X96" s="456"/>
      <c r="Y96" s="456"/>
      <c r="Z96" s="456"/>
      <c r="AA96" s="456"/>
      <c r="AB96" s="456"/>
      <c r="AC96" s="456"/>
      <c r="AD96" s="456"/>
      <c r="AE96" s="456"/>
      <c r="AF96" s="456"/>
      <c r="AG96" s="456"/>
      <c r="AH96" s="456"/>
      <c r="AI96" s="456"/>
      <c r="AJ96" s="456"/>
      <c r="AK96" s="456"/>
      <c r="AL96" s="456"/>
      <c r="AM96" s="456"/>
      <c r="AN96" s="456"/>
      <c r="AO96" s="456"/>
      <c r="AP96" s="456"/>
      <c r="AQ96" s="456"/>
      <c r="AR96" s="456"/>
      <c r="AS96" s="456"/>
      <c r="AT96" s="456"/>
      <c r="AU96" s="456"/>
      <c r="AV96" s="456"/>
      <c r="AW96" s="456"/>
      <c r="AX96" s="456"/>
      <c r="AY96" s="456"/>
      <c r="AZ96" s="456"/>
      <c r="BA96" s="456"/>
      <c r="BB96" s="456"/>
      <c r="BC96" s="456"/>
      <c r="BD96" s="456"/>
      <c r="BE96" s="456"/>
      <c r="BF96" s="456"/>
      <c r="BG96" s="456"/>
      <c r="BH96" s="456"/>
      <c r="BI96" s="456"/>
      <c r="BJ96" s="456"/>
      <c r="BK96" s="456"/>
      <c r="BL96" s="456"/>
      <c r="BM96" s="456"/>
      <c r="BN96" s="456"/>
      <c r="BO96" s="456"/>
      <c r="BP96" s="456"/>
      <c r="BQ96" s="456"/>
      <c r="BR96" s="456"/>
      <c r="BS96" s="456"/>
      <c r="BT96" s="456"/>
      <c r="BU96" s="456"/>
      <c r="BV96" s="456"/>
      <c r="BW96" s="456"/>
      <c r="BX96" s="456"/>
      <c r="BY96" s="456"/>
      <c r="BZ96" s="456"/>
      <c r="CA96" s="456"/>
      <c r="CB96" s="456"/>
      <c r="CC96" s="456"/>
      <c r="CD96" s="456"/>
      <c r="CE96" s="456"/>
      <c r="CF96" s="456"/>
      <c r="CG96" s="456"/>
      <c r="CH96" s="456"/>
      <c r="CI96" s="456"/>
      <c r="CJ96" s="456"/>
      <c r="CK96" s="456"/>
      <c r="CL96" s="456"/>
      <c r="CM96" s="456"/>
      <c r="CN96" s="456"/>
      <c r="CO96" s="456"/>
      <c r="CP96" s="456"/>
      <c r="CQ96" s="456"/>
      <c r="CR96" s="457"/>
      <c r="CS96" s="46"/>
      <c r="CT96" s="46"/>
      <c r="CU96" s="46"/>
      <c r="CV96" s="46"/>
      <c r="CW96" s="46"/>
      <c r="EK96" s="19"/>
      <c r="EL96" s="19"/>
      <c r="EM96" s="19"/>
      <c r="EN96" s="19"/>
      <c r="EO96" s="19"/>
      <c r="EP96" s="19"/>
      <c r="EQ96" s="19"/>
      <c r="ER96" s="19"/>
      <c r="ES96" s="19"/>
      <c r="ET96" s="19"/>
    </row>
    <row r="97" spans="1:159" s="8" customFormat="1" ht="7.5" customHeight="1" x14ac:dyDescent="0.55000000000000004">
      <c r="A97" s="471"/>
      <c r="B97" s="471"/>
      <c r="C97" s="471"/>
      <c r="D97" s="471"/>
      <c r="E97" s="471"/>
      <c r="F97" s="471"/>
      <c r="G97" s="471"/>
      <c r="H97" s="471"/>
      <c r="I97" s="471"/>
      <c r="J97" s="471"/>
      <c r="K97" s="471"/>
      <c r="L97" s="455"/>
      <c r="M97" s="456"/>
      <c r="N97" s="456"/>
      <c r="O97" s="456"/>
      <c r="P97" s="456"/>
      <c r="Q97" s="456"/>
      <c r="R97" s="456"/>
      <c r="S97" s="456"/>
      <c r="T97" s="456"/>
      <c r="U97" s="456"/>
      <c r="V97" s="456"/>
      <c r="W97" s="456"/>
      <c r="X97" s="456"/>
      <c r="Y97" s="456"/>
      <c r="Z97" s="456"/>
      <c r="AA97" s="456"/>
      <c r="AB97" s="456"/>
      <c r="AC97" s="456"/>
      <c r="AD97" s="456"/>
      <c r="AE97" s="456"/>
      <c r="AF97" s="456"/>
      <c r="AG97" s="456"/>
      <c r="AH97" s="456"/>
      <c r="AI97" s="456"/>
      <c r="AJ97" s="456"/>
      <c r="AK97" s="456"/>
      <c r="AL97" s="456"/>
      <c r="AM97" s="456"/>
      <c r="AN97" s="456"/>
      <c r="AO97" s="456"/>
      <c r="AP97" s="456"/>
      <c r="AQ97" s="456"/>
      <c r="AR97" s="456"/>
      <c r="AS97" s="456"/>
      <c r="AT97" s="456"/>
      <c r="AU97" s="456"/>
      <c r="AV97" s="456"/>
      <c r="AW97" s="456"/>
      <c r="AX97" s="456"/>
      <c r="AY97" s="456"/>
      <c r="AZ97" s="456"/>
      <c r="BA97" s="456"/>
      <c r="BB97" s="456"/>
      <c r="BC97" s="456"/>
      <c r="BD97" s="456"/>
      <c r="BE97" s="456"/>
      <c r="BF97" s="456"/>
      <c r="BG97" s="456"/>
      <c r="BH97" s="456"/>
      <c r="BI97" s="456"/>
      <c r="BJ97" s="456"/>
      <c r="BK97" s="456"/>
      <c r="BL97" s="456"/>
      <c r="BM97" s="456"/>
      <c r="BN97" s="456"/>
      <c r="BO97" s="456"/>
      <c r="BP97" s="456"/>
      <c r="BQ97" s="456"/>
      <c r="BR97" s="456"/>
      <c r="BS97" s="456"/>
      <c r="BT97" s="456"/>
      <c r="BU97" s="456"/>
      <c r="BV97" s="456"/>
      <c r="BW97" s="456"/>
      <c r="BX97" s="456"/>
      <c r="BY97" s="456"/>
      <c r="BZ97" s="456"/>
      <c r="CA97" s="456"/>
      <c r="CB97" s="456"/>
      <c r="CC97" s="456"/>
      <c r="CD97" s="456"/>
      <c r="CE97" s="456"/>
      <c r="CF97" s="456"/>
      <c r="CG97" s="456"/>
      <c r="CH97" s="456"/>
      <c r="CI97" s="456"/>
      <c r="CJ97" s="456"/>
      <c r="CK97" s="456"/>
      <c r="CL97" s="456"/>
      <c r="CM97" s="456"/>
      <c r="CN97" s="456"/>
      <c r="CO97" s="456"/>
      <c r="CP97" s="456"/>
      <c r="CQ97" s="456"/>
      <c r="CR97" s="457"/>
      <c r="CS97" s="46"/>
      <c r="CT97" s="46"/>
      <c r="CU97" s="46"/>
      <c r="CV97" s="46"/>
      <c r="CW97" s="46"/>
      <c r="EK97" s="19"/>
      <c r="EL97" s="19"/>
      <c r="EM97" s="19"/>
      <c r="EN97" s="19"/>
      <c r="EO97" s="19"/>
      <c r="EP97" s="19"/>
      <c r="EQ97" s="19"/>
      <c r="ER97" s="19"/>
      <c r="ES97" s="19"/>
      <c r="ET97" s="19"/>
    </row>
    <row r="98" spans="1:159" s="8" customFormat="1" ht="7.5" customHeight="1" x14ac:dyDescent="0.55000000000000004">
      <c r="A98" s="471"/>
      <c r="B98" s="471"/>
      <c r="C98" s="471"/>
      <c r="D98" s="471"/>
      <c r="E98" s="471"/>
      <c r="F98" s="471"/>
      <c r="G98" s="471"/>
      <c r="H98" s="471"/>
      <c r="I98" s="471"/>
      <c r="J98" s="471"/>
      <c r="K98" s="471"/>
      <c r="L98" s="458"/>
      <c r="M98" s="459"/>
      <c r="N98" s="459"/>
      <c r="O98" s="459"/>
      <c r="P98" s="459"/>
      <c r="Q98" s="459"/>
      <c r="R98" s="459"/>
      <c r="S98" s="459"/>
      <c r="T98" s="459"/>
      <c r="U98" s="459"/>
      <c r="V98" s="459"/>
      <c r="W98" s="459"/>
      <c r="X98" s="459"/>
      <c r="Y98" s="459"/>
      <c r="Z98" s="459"/>
      <c r="AA98" s="459"/>
      <c r="AB98" s="459"/>
      <c r="AC98" s="459"/>
      <c r="AD98" s="459"/>
      <c r="AE98" s="459"/>
      <c r="AF98" s="459"/>
      <c r="AG98" s="459"/>
      <c r="AH98" s="459"/>
      <c r="AI98" s="459"/>
      <c r="AJ98" s="459"/>
      <c r="AK98" s="459"/>
      <c r="AL98" s="459"/>
      <c r="AM98" s="459"/>
      <c r="AN98" s="459"/>
      <c r="AO98" s="459"/>
      <c r="AP98" s="459"/>
      <c r="AQ98" s="459"/>
      <c r="AR98" s="459"/>
      <c r="AS98" s="459"/>
      <c r="AT98" s="459"/>
      <c r="AU98" s="459"/>
      <c r="AV98" s="459"/>
      <c r="AW98" s="459"/>
      <c r="AX98" s="459"/>
      <c r="AY98" s="459"/>
      <c r="AZ98" s="459"/>
      <c r="BA98" s="459"/>
      <c r="BB98" s="459"/>
      <c r="BC98" s="459"/>
      <c r="BD98" s="459"/>
      <c r="BE98" s="459"/>
      <c r="BF98" s="459"/>
      <c r="BG98" s="459"/>
      <c r="BH98" s="459"/>
      <c r="BI98" s="459"/>
      <c r="BJ98" s="459"/>
      <c r="BK98" s="459"/>
      <c r="BL98" s="459"/>
      <c r="BM98" s="459"/>
      <c r="BN98" s="459"/>
      <c r="BO98" s="459"/>
      <c r="BP98" s="459"/>
      <c r="BQ98" s="459"/>
      <c r="BR98" s="459"/>
      <c r="BS98" s="459"/>
      <c r="BT98" s="459"/>
      <c r="BU98" s="459"/>
      <c r="BV98" s="459"/>
      <c r="BW98" s="459"/>
      <c r="BX98" s="459"/>
      <c r="BY98" s="459"/>
      <c r="BZ98" s="459"/>
      <c r="CA98" s="459"/>
      <c r="CB98" s="459"/>
      <c r="CC98" s="459"/>
      <c r="CD98" s="459"/>
      <c r="CE98" s="459"/>
      <c r="CF98" s="459"/>
      <c r="CG98" s="459"/>
      <c r="CH98" s="459"/>
      <c r="CI98" s="459"/>
      <c r="CJ98" s="459"/>
      <c r="CK98" s="459"/>
      <c r="CL98" s="459"/>
      <c r="CM98" s="459"/>
      <c r="CN98" s="459"/>
      <c r="CO98" s="459"/>
      <c r="CP98" s="459"/>
      <c r="CQ98" s="459"/>
      <c r="CR98" s="460"/>
      <c r="CS98" s="46"/>
      <c r="CT98" s="46"/>
      <c r="CU98" s="46"/>
      <c r="CV98" s="46"/>
      <c r="CW98" s="46"/>
      <c r="EK98" s="19"/>
      <c r="EL98" s="19"/>
      <c r="EM98" s="19"/>
      <c r="EN98" s="19"/>
      <c r="EO98" s="19"/>
      <c r="EP98" s="19"/>
      <c r="EQ98" s="19"/>
      <c r="ER98" s="19"/>
      <c r="ES98" s="19"/>
      <c r="ET98" s="19"/>
    </row>
    <row r="99" spans="1:159" s="8" customFormat="1" ht="7.5" customHeight="1" x14ac:dyDescent="0.55000000000000004">
      <c r="A99" s="471"/>
      <c r="B99" s="471"/>
      <c r="C99" s="471"/>
      <c r="D99" s="471"/>
      <c r="E99" s="471"/>
      <c r="F99" s="471"/>
      <c r="G99" s="471"/>
      <c r="H99" s="471"/>
      <c r="I99" s="471"/>
      <c r="J99" s="471"/>
      <c r="K99" s="471"/>
      <c r="L99" s="452" t="s">
        <v>191</v>
      </c>
      <c r="M99" s="453"/>
      <c r="N99" s="453"/>
      <c r="O99" s="453"/>
      <c r="P99" s="453"/>
      <c r="Q99" s="453"/>
      <c r="R99" s="453"/>
      <c r="S99" s="453"/>
      <c r="T99" s="453"/>
      <c r="U99" s="453"/>
      <c r="V99" s="453"/>
      <c r="W99" s="453"/>
      <c r="X99" s="453"/>
      <c r="Y99" s="453"/>
      <c r="Z99" s="453"/>
      <c r="AA99" s="453"/>
      <c r="AB99" s="453"/>
      <c r="AC99" s="453"/>
      <c r="AD99" s="453"/>
      <c r="AE99" s="453"/>
      <c r="AF99" s="453"/>
      <c r="AG99" s="453"/>
      <c r="AH99" s="453"/>
      <c r="AI99" s="453"/>
      <c r="AJ99" s="453"/>
      <c r="AK99" s="453"/>
      <c r="AL99" s="453"/>
      <c r="AM99" s="453"/>
      <c r="AN99" s="453"/>
      <c r="AO99" s="453"/>
      <c r="AP99" s="453"/>
      <c r="AQ99" s="453"/>
      <c r="AR99" s="453"/>
      <c r="AS99" s="453"/>
      <c r="AT99" s="453"/>
      <c r="AU99" s="453"/>
      <c r="AV99" s="453"/>
      <c r="AW99" s="453"/>
      <c r="AX99" s="453"/>
      <c r="AY99" s="453"/>
      <c r="AZ99" s="453"/>
      <c r="BA99" s="453"/>
      <c r="BB99" s="453"/>
      <c r="BC99" s="453"/>
      <c r="BD99" s="453"/>
      <c r="BE99" s="453"/>
      <c r="BF99" s="453"/>
      <c r="BG99" s="453"/>
      <c r="BH99" s="453"/>
      <c r="BI99" s="453"/>
      <c r="BJ99" s="453"/>
      <c r="BK99" s="453"/>
      <c r="BL99" s="453"/>
      <c r="BM99" s="453"/>
      <c r="BN99" s="453"/>
      <c r="BO99" s="453"/>
      <c r="BP99" s="453"/>
      <c r="BQ99" s="453"/>
      <c r="BR99" s="453"/>
      <c r="BS99" s="453"/>
      <c r="BT99" s="453"/>
      <c r="BU99" s="453"/>
      <c r="BV99" s="453"/>
      <c r="BW99" s="453"/>
      <c r="BX99" s="453"/>
      <c r="BY99" s="453"/>
      <c r="BZ99" s="453"/>
      <c r="CA99" s="453"/>
      <c r="CB99" s="453"/>
      <c r="CC99" s="453"/>
      <c r="CD99" s="453"/>
      <c r="CE99" s="453"/>
      <c r="CF99" s="453"/>
      <c r="CG99" s="453"/>
      <c r="CH99" s="453"/>
      <c r="CI99" s="453"/>
      <c r="CJ99" s="453"/>
      <c r="CK99" s="453"/>
      <c r="CL99" s="453"/>
      <c r="CM99" s="453"/>
      <c r="CN99" s="453"/>
      <c r="CO99" s="453"/>
      <c r="CP99" s="453"/>
      <c r="CQ99" s="453"/>
      <c r="CR99" s="454"/>
    </row>
    <row r="100" spans="1:159" s="8" customFormat="1" ht="7.5" customHeight="1" x14ac:dyDescent="0.55000000000000004">
      <c r="A100" s="471"/>
      <c r="B100" s="471"/>
      <c r="C100" s="471"/>
      <c r="D100" s="471"/>
      <c r="E100" s="471"/>
      <c r="F100" s="471"/>
      <c r="G100" s="471"/>
      <c r="H100" s="471"/>
      <c r="I100" s="471"/>
      <c r="J100" s="471"/>
      <c r="K100" s="471"/>
      <c r="L100" s="455"/>
      <c r="M100" s="456"/>
      <c r="N100" s="456"/>
      <c r="O100" s="456"/>
      <c r="P100" s="456"/>
      <c r="Q100" s="456"/>
      <c r="R100" s="456"/>
      <c r="S100" s="456"/>
      <c r="T100" s="456"/>
      <c r="U100" s="456"/>
      <c r="V100" s="456"/>
      <c r="W100" s="456"/>
      <c r="X100" s="456"/>
      <c r="Y100" s="456"/>
      <c r="Z100" s="456"/>
      <c r="AA100" s="456"/>
      <c r="AB100" s="456"/>
      <c r="AC100" s="456"/>
      <c r="AD100" s="456"/>
      <c r="AE100" s="456"/>
      <c r="AF100" s="456"/>
      <c r="AG100" s="456"/>
      <c r="AH100" s="456"/>
      <c r="AI100" s="456"/>
      <c r="AJ100" s="456"/>
      <c r="AK100" s="456"/>
      <c r="AL100" s="456"/>
      <c r="AM100" s="456"/>
      <c r="AN100" s="456"/>
      <c r="AO100" s="456"/>
      <c r="AP100" s="456"/>
      <c r="AQ100" s="456"/>
      <c r="AR100" s="456"/>
      <c r="AS100" s="456"/>
      <c r="AT100" s="456"/>
      <c r="AU100" s="456"/>
      <c r="AV100" s="456"/>
      <c r="AW100" s="456"/>
      <c r="AX100" s="456"/>
      <c r="AY100" s="456"/>
      <c r="AZ100" s="456"/>
      <c r="BA100" s="456"/>
      <c r="BB100" s="456"/>
      <c r="BC100" s="456"/>
      <c r="BD100" s="456"/>
      <c r="BE100" s="456"/>
      <c r="BF100" s="456"/>
      <c r="BG100" s="456"/>
      <c r="BH100" s="456"/>
      <c r="BI100" s="456"/>
      <c r="BJ100" s="456"/>
      <c r="BK100" s="456"/>
      <c r="BL100" s="456"/>
      <c r="BM100" s="456"/>
      <c r="BN100" s="456"/>
      <c r="BO100" s="456"/>
      <c r="BP100" s="456"/>
      <c r="BQ100" s="456"/>
      <c r="BR100" s="456"/>
      <c r="BS100" s="456"/>
      <c r="BT100" s="456"/>
      <c r="BU100" s="456"/>
      <c r="BV100" s="456"/>
      <c r="BW100" s="456"/>
      <c r="BX100" s="456"/>
      <c r="BY100" s="456"/>
      <c r="BZ100" s="456"/>
      <c r="CA100" s="456"/>
      <c r="CB100" s="456"/>
      <c r="CC100" s="456"/>
      <c r="CD100" s="456"/>
      <c r="CE100" s="456"/>
      <c r="CF100" s="456"/>
      <c r="CG100" s="456"/>
      <c r="CH100" s="456"/>
      <c r="CI100" s="456"/>
      <c r="CJ100" s="456"/>
      <c r="CK100" s="456"/>
      <c r="CL100" s="456"/>
      <c r="CM100" s="456"/>
      <c r="CN100" s="456"/>
      <c r="CO100" s="456"/>
      <c r="CP100" s="456"/>
      <c r="CQ100" s="456"/>
      <c r="CR100" s="457"/>
    </row>
    <row r="101" spans="1:159" s="8" customFormat="1" ht="7.5" customHeight="1" x14ac:dyDescent="0.55000000000000004">
      <c r="A101" s="471"/>
      <c r="B101" s="471"/>
      <c r="C101" s="471"/>
      <c r="D101" s="471"/>
      <c r="E101" s="471"/>
      <c r="F101" s="471"/>
      <c r="G101" s="471"/>
      <c r="H101" s="471"/>
      <c r="I101" s="471"/>
      <c r="J101" s="471"/>
      <c r="K101" s="471"/>
      <c r="L101" s="455"/>
      <c r="M101" s="456"/>
      <c r="N101" s="456"/>
      <c r="O101" s="456"/>
      <c r="P101" s="456"/>
      <c r="Q101" s="456"/>
      <c r="R101" s="456"/>
      <c r="S101" s="456"/>
      <c r="T101" s="456"/>
      <c r="U101" s="456"/>
      <c r="V101" s="456"/>
      <c r="W101" s="456"/>
      <c r="X101" s="456"/>
      <c r="Y101" s="456"/>
      <c r="Z101" s="456"/>
      <c r="AA101" s="456"/>
      <c r="AB101" s="456"/>
      <c r="AC101" s="456"/>
      <c r="AD101" s="456"/>
      <c r="AE101" s="456"/>
      <c r="AF101" s="456"/>
      <c r="AG101" s="456"/>
      <c r="AH101" s="456"/>
      <c r="AI101" s="456"/>
      <c r="AJ101" s="456"/>
      <c r="AK101" s="456"/>
      <c r="AL101" s="456"/>
      <c r="AM101" s="456"/>
      <c r="AN101" s="456"/>
      <c r="AO101" s="456"/>
      <c r="AP101" s="456"/>
      <c r="AQ101" s="456"/>
      <c r="AR101" s="456"/>
      <c r="AS101" s="456"/>
      <c r="AT101" s="456"/>
      <c r="AU101" s="456"/>
      <c r="AV101" s="456"/>
      <c r="AW101" s="456"/>
      <c r="AX101" s="456"/>
      <c r="AY101" s="456"/>
      <c r="AZ101" s="456"/>
      <c r="BA101" s="456"/>
      <c r="BB101" s="456"/>
      <c r="BC101" s="456"/>
      <c r="BD101" s="456"/>
      <c r="BE101" s="456"/>
      <c r="BF101" s="456"/>
      <c r="BG101" s="456"/>
      <c r="BH101" s="456"/>
      <c r="BI101" s="456"/>
      <c r="BJ101" s="456"/>
      <c r="BK101" s="456"/>
      <c r="BL101" s="456"/>
      <c r="BM101" s="456"/>
      <c r="BN101" s="456"/>
      <c r="BO101" s="456"/>
      <c r="BP101" s="456"/>
      <c r="BQ101" s="456"/>
      <c r="BR101" s="456"/>
      <c r="BS101" s="456"/>
      <c r="BT101" s="456"/>
      <c r="BU101" s="456"/>
      <c r="BV101" s="456"/>
      <c r="BW101" s="456"/>
      <c r="BX101" s="456"/>
      <c r="BY101" s="456"/>
      <c r="BZ101" s="456"/>
      <c r="CA101" s="456"/>
      <c r="CB101" s="456"/>
      <c r="CC101" s="456"/>
      <c r="CD101" s="456"/>
      <c r="CE101" s="456"/>
      <c r="CF101" s="456"/>
      <c r="CG101" s="456"/>
      <c r="CH101" s="456"/>
      <c r="CI101" s="456"/>
      <c r="CJ101" s="456"/>
      <c r="CK101" s="456"/>
      <c r="CL101" s="456"/>
      <c r="CM101" s="456"/>
      <c r="CN101" s="456"/>
      <c r="CO101" s="456"/>
      <c r="CP101" s="456"/>
      <c r="CQ101" s="456"/>
      <c r="CR101" s="457"/>
    </row>
    <row r="102" spans="1:159" s="8" customFormat="1" ht="7.5" customHeight="1" x14ac:dyDescent="0.55000000000000004">
      <c r="A102" s="471"/>
      <c r="B102" s="471"/>
      <c r="C102" s="471"/>
      <c r="D102" s="471"/>
      <c r="E102" s="471"/>
      <c r="F102" s="471"/>
      <c r="G102" s="471"/>
      <c r="H102" s="471"/>
      <c r="I102" s="471"/>
      <c r="J102" s="471"/>
      <c r="K102" s="471"/>
      <c r="L102" s="455"/>
      <c r="M102" s="456"/>
      <c r="N102" s="456"/>
      <c r="O102" s="456"/>
      <c r="P102" s="456"/>
      <c r="Q102" s="456"/>
      <c r="R102" s="456"/>
      <c r="S102" s="456"/>
      <c r="T102" s="456"/>
      <c r="U102" s="456"/>
      <c r="V102" s="456"/>
      <c r="W102" s="456"/>
      <c r="X102" s="456"/>
      <c r="Y102" s="456"/>
      <c r="Z102" s="456"/>
      <c r="AA102" s="456"/>
      <c r="AB102" s="456"/>
      <c r="AC102" s="456"/>
      <c r="AD102" s="456"/>
      <c r="AE102" s="456"/>
      <c r="AF102" s="456"/>
      <c r="AG102" s="456"/>
      <c r="AH102" s="456"/>
      <c r="AI102" s="456"/>
      <c r="AJ102" s="456"/>
      <c r="AK102" s="456"/>
      <c r="AL102" s="456"/>
      <c r="AM102" s="456"/>
      <c r="AN102" s="456"/>
      <c r="AO102" s="456"/>
      <c r="AP102" s="456"/>
      <c r="AQ102" s="456"/>
      <c r="AR102" s="456"/>
      <c r="AS102" s="456"/>
      <c r="AT102" s="456"/>
      <c r="AU102" s="456"/>
      <c r="AV102" s="456"/>
      <c r="AW102" s="456"/>
      <c r="AX102" s="456"/>
      <c r="AY102" s="456"/>
      <c r="AZ102" s="456"/>
      <c r="BA102" s="456"/>
      <c r="BB102" s="456"/>
      <c r="BC102" s="456"/>
      <c r="BD102" s="456"/>
      <c r="BE102" s="456"/>
      <c r="BF102" s="456"/>
      <c r="BG102" s="456"/>
      <c r="BH102" s="456"/>
      <c r="BI102" s="456"/>
      <c r="BJ102" s="456"/>
      <c r="BK102" s="456"/>
      <c r="BL102" s="456"/>
      <c r="BM102" s="456"/>
      <c r="BN102" s="456"/>
      <c r="BO102" s="456"/>
      <c r="BP102" s="456"/>
      <c r="BQ102" s="456"/>
      <c r="BR102" s="456"/>
      <c r="BS102" s="456"/>
      <c r="BT102" s="456"/>
      <c r="BU102" s="456"/>
      <c r="BV102" s="456"/>
      <c r="BW102" s="456"/>
      <c r="BX102" s="456"/>
      <c r="BY102" s="456"/>
      <c r="BZ102" s="456"/>
      <c r="CA102" s="456"/>
      <c r="CB102" s="456"/>
      <c r="CC102" s="456"/>
      <c r="CD102" s="456"/>
      <c r="CE102" s="456"/>
      <c r="CF102" s="456"/>
      <c r="CG102" s="456"/>
      <c r="CH102" s="456"/>
      <c r="CI102" s="456"/>
      <c r="CJ102" s="456"/>
      <c r="CK102" s="456"/>
      <c r="CL102" s="456"/>
      <c r="CM102" s="456"/>
      <c r="CN102" s="456"/>
      <c r="CO102" s="456"/>
      <c r="CP102" s="456"/>
      <c r="CQ102" s="456"/>
      <c r="CR102" s="457"/>
    </row>
    <row r="103" spans="1:159" s="8" customFormat="1" ht="7.5" customHeight="1" x14ac:dyDescent="0.55000000000000004">
      <c r="A103" s="471"/>
      <c r="B103" s="471"/>
      <c r="C103" s="471"/>
      <c r="D103" s="471"/>
      <c r="E103" s="471"/>
      <c r="F103" s="471"/>
      <c r="G103" s="471"/>
      <c r="H103" s="471"/>
      <c r="I103" s="471"/>
      <c r="J103" s="471"/>
      <c r="K103" s="471"/>
      <c r="L103" s="458"/>
      <c r="M103" s="459"/>
      <c r="N103" s="459"/>
      <c r="O103" s="459"/>
      <c r="P103" s="459"/>
      <c r="Q103" s="459"/>
      <c r="R103" s="459"/>
      <c r="S103" s="459"/>
      <c r="T103" s="459"/>
      <c r="U103" s="459"/>
      <c r="V103" s="459"/>
      <c r="W103" s="459"/>
      <c r="X103" s="459"/>
      <c r="Y103" s="459"/>
      <c r="Z103" s="459"/>
      <c r="AA103" s="459"/>
      <c r="AB103" s="459"/>
      <c r="AC103" s="459"/>
      <c r="AD103" s="459"/>
      <c r="AE103" s="459"/>
      <c r="AF103" s="459"/>
      <c r="AG103" s="459"/>
      <c r="AH103" s="459"/>
      <c r="AI103" s="459"/>
      <c r="AJ103" s="459"/>
      <c r="AK103" s="459"/>
      <c r="AL103" s="459"/>
      <c r="AM103" s="459"/>
      <c r="AN103" s="459"/>
      <c r="AO103" s="459"/>
      <c r="AP103" s="459"/>
      <c r="AQ103" s="459"/>
      <c r="AR103" s="459"/>
      <c r="AS103" s="459"/>
      <c r="AT103" s="459"/>
      <c r="AU103" s="459"/>
      <c r="AV103" s="459"/>
      <c r="AW103" s="459"/>
      <c r="AX103" s="459"/>
      <c r="AY103" s="459"/>
      <c r="AZ103" s="459"/>
      <c r="BA103" s="459"/>
      <c r="BB103" s="459"/>
      <c r="BC103" s="459"/>
      <c r="BD103" s="459"/>
      <c r="BE103" s="459"/>
      <c r="BF103" s="459"/>
      <c r="BG103" s="459"/>
      <c r="BH103" s="459"/>
      <c r="BI103" s="459"/>
      <c r="BJ103" s="459"/>
      <c r="BK103" s="459"/>
      <c r="BL103" s="459"/>
      <c r="BM103" s="459"/>
      <c r="BN103" s="459"/>
      <c r="BO103" s="459"/>
      <c r="BP103" s="459"/>
      <c r="BQ103" s="459"/>
      <c r="BR103" s="459"/>
      <c r="BS103" s="459"/>
      <c r="BT103" s="459"/>
      <c r="BU103" s="459"/>
      <c r="BV103" s="459"/>
      <c r="BW103" s="459"/>
      <c r="BX103" s="459"/>
      <c r="BY103" s="459"/>
      <c r="BZ103" s="459"/>
      <c r="CA103" s="459"/>
      <c r="CB103" s="459"/>
      <c r="CC103" s="459"/>
      <c r="CD103" s="459"/>
      <c r="CE103" s="459"/>
      <c r="CF103" s="459"/>
      <c r="CG103" s="459"/>
      <c r="CH103" s="459"/>
      <c r="CI103" s="459"/>
      <c r="CJ103" s="459"/>
      <c r="CK103" s="459"/>
      <c r="CL103" s="459"/>
      <c r="CM103" s="459"/>
      <c r="CN103" s="459"/>
      <c r="CO103" s="459"/>
      <c r="CP103" s="459"/>
      <c r="CQ103" s="459"/>
      <c r="CR103" s="460"/>
    </row>
    <row r="104" spans="1:159" s="8" customFormat="1" ht="7.5" customHeight="1" x14ac:dyDescent="0.55000000000000004">
      <c r="A104" s="471"/>
      <c r="B104" s="471"/>
      <c r="C104" s="471"/>
      <c r="D104" s="471"/>
      <c r="E104" s="471"/>
      <c r="F104" s="471"/>
      <c r="G104" s="471"/>
      <c r="H104" s="471"/>
      <c r="I104" s="471"/>
      <c r="J104" s="471"/>
      <c r="K104" s="471"/>
      <c r="L104" s="452" t="s">
        <v>191</v>
      </c>
      <c r="M104" s="453"/>
      <c r="N104" s="453"/>
      <c r="O104" s="453"/>
      <c r="P104" s="453"/>
      <c r="Q104" s="453"/>
      <c r="R104" s="453"/>
      <c r="S104" s="453"/>
      <c r="T104" s="453"/>
      <c r="U104" s="453"/>
      <c r="V104" s="453"/>
      <c r="W104" s="453"/>
      <c r="X104" s="453"/>
      <c r="Y104" s="453"/>
      <c r="Z104" s="453"/>
      <c r="AA104" s="453"/>
      <c r="AB104" s="453"/>
      <c r="AC104" s="453"/>
      <c r="AD104" s="453"/>
      <c r="AE104" s="453"/>
      <c r="AF104" s="453"/>
      <c r="AG104" s="453"/>
      <c r="AH104" s="453"/>
      <c r="AI104" s="453"/>
      <c r="AJ104" s="453"/>
      <c r="AK104" s="453"/>
      <c r="AL104" s="453"/>
      <c r="AM104" s="453"/>
      <c r="AN104" s="453"/>
      <c r="AO104" s="453"/>
      <c r="AP104" s="453"/>
      <c r="AQ104" s="453"/>
      <c r="AR104" s="453"/>
      <c r="AS104" s="453"/>
      <c r="AT104" s="453"/>
      <c r="AU104" s="453"/>
      <c r="AV104" s="453"/>
      <c r="AW104" s="453"/>
      <c r="AX104" s="453"/>
      <c r="AY104" s="453"/>
      <c r="AZ104" s="453"/>
      <c r="BA104" s="453"/>
      <c r="BB104" s="453"/>
      <c r="BC104" s="453"/>
      <c r="BD104" s="453"/>
      <c r="BE104" s="453"/>
      <c r="BF104" s="453"/>
      <c r="BG104" s="453"/>
      <c r="BH104" s="453"/>
      <c r="BI104" s="453"/>
      <c r="BJ104" s="453"/>
      <c r="BK104" s="453"/>
      <c r="BL104" s="453"/>
      <c r="BM104" s="453"/>
      <c r="BN104" s="453"/>
      <c r="BO104" s="453"/>
      <c r="BP104" s="453"/>
      <c r="BQ104" s="453"/>
      <c r="BR104" s="453"/>
      <c r="BS104" s="453"/>
      <c r="BT104" s="453"/>
      <c r="BU104" s="453"/>
      <c r="BV104" s="453"/>
      <c r="BW104" s="453"/>
      <c r="BX104" s="453"/>
      <c r="BY104" s="453"/>
      <c r="BZ104" s="453"/>
      <c r="CA104" s="453"/>
      <c r="CB104" s="453"/>
      <c r="CC104" s="453"/>
      <c r="CD104" s="453"/>
      <c r="CE104" s="453"/>
      <c r="CF104" s="453"/>
      <c r="CG104" s="453"/>
      <c r="CH104" s="453"/>
      <c r="CI104" s="453"/>
      <c r="CJ104" s="453"/>
      <c r="CK104" s="453"/>
      <c r="CL104" s="453"/>
      <c r="CM104" s="453"/>
      <c r="CN104" s="453"/>
      <c r="CO104" s="453"/>
      <c r="CP104" s="453"/>
      <c r="CQ104" s="453"/>
      <c r="CR104" s="454"/>
    </row>
    <row r="105" spans="1:159" s="8" customFormat="1" ht="7.5" customHeight="1" x14ac:dyDescent="0.55000000000000004">
      <c r="A105" s="471"/>
      <c r="B105" s="471"/>
      <c r="C105" s="471"/>
      <c r="D105" s="471"/>
      <c r="E105" s="471"/>
      <c r="F105" s="471"/>
      <c r="G105" s="471"/>
      <c r="H105" s="471"/>
      <c r="I105" s="471"/>
      <c r="J105" s="471"/>
      <c r="K105" s="471"/>
      <c r="L105" s="455"/>
      <c r="M105" s="456"/>
      <c r="N105" s="456"/>
      <c r="O105" s="456"/>
      <c r="P105" s="456"/>
      <c r="Q105" s="456"/>
      <c r="R105" s="456"/>
      <c r="S105" s="456"/>
      <c r="T105" s="456"/>
      <c r="U105" s="456"/>
      <c r="V105" s="456"/>
      <c r="W105" s="456"/>
      <c r="X105" s="456"/>
      <c r="Y105" s="456"/>
      <c r="Z105" s="456"/>
      <c r="AA105" s="456"/>
      <c r="AB105" s="456"/>
      <c r="AC105" s="456"/>
      <c r="AD105" s="456"/>
      <c r="AE105" s="456"/>
      <c r="AF105" s="456"/>
      <c r="AG105" s="456"/>
      <c r="AH105" s="456"/>
      <c r="AI105" s="456"/>
      <c r="AJ105" s="456"/>
      <c r="AK105" s="456"/>
      <c r="AL105" s="456"/>
      <c r="AM105" s="456"/>
      <c r="AN105" s="456"/>
      <c r="AO105" s="456"/>
      <c r="AP105" s="456"/>
      <c r="AQ105" s="456"/>
      <c r="AR105" s="456"/>
      <c r="AS105" s="456"/>
      <c r="AT105" s="456"/>
      <c r="AU105" s="456"/>
      <c r="AV105" s="456"/>
      <c r="AW105" s="456"/>
      <c r="AX105" s="456"/>
      <c r="AY105" s="456"/>
      <c r="AZ105" s="456"/>
      <c r="BA105" s="456"/>
      <c r="BB105" s="456"/>
      <c r="BC105" s="456"/>
      <c r="BD105" s="456"/>
      <c r="BE105" s="456"/>
      <c r="BF105" s="456"/>
      <c r="BG105" s="456"/>
      <c r="BH105" s="456"/>
      <c r="BI105" s="456"/>
      <c r="BJ105" s="456"/>
      <c r="BK105" s="456"/>
      <c r="BL105" s="456"/>
      <c r="BM105" s="456"/>
      <c r="BN105" s="456"/>
      <c r="BO105" s="456"/>
      <c r="BP105" s="456"/>
      <c r="BQ105" s="456"/>
      <c r="BR105" s="456"/>
      <c r="BS105" s="456"/>
      <c r="BT105" s="456"/>
      <c r="BU105" s="456"/>
      <c r="BV105" s="456"/>
      <c r="BW105" s="456"/>
      <c r="BX105" s="456"/>
      <c r="BY105" s="456"/>
      <c r="BZ105" s="456"/>
      <c r="CA105" s="456"/>
      <c r="CB105" s="456"/>
      <c r="CC105" s="456"/>
      <c r="CD105" s="456"/>
      <c r="CE105" s="456"/>
      <c r="CF105" s="456"/>
      <c r="CG105" s="456"/>
      <c r="CH105" s="456"/>
      <c r="CI105" s="456"/>
      <c r="CJ105" s="456"/>
      <c r="CK105" s="456"/>
      <c r="CL105" s="456"/>
      <c r="CM105" s="456"/>
      <c r="CN105" s="456"/>
      <c r="CO105" s="456"/>
      <c r="CP105" s="456"/>
      <c r="CQ105" s="456"/>
      <c r="CR105" s="457"/>
    </row>
    <row r="106" spans="1:159" s="8" customFormat="1" ht="7.5" customHeight="1" x14ac:dyDescent="0.55000000000000004">
      <c r="A106" s="471"/>
      <c r="B106" s="471"/>
      <c r="C106" s="471"/>
      <c r="D106" s="471"/>
      <c r="E106" s="471"/>
      <c r="F106" s="471"/>
      <c r="G106" s="471"/>
      <c r="H106" s="471"/>
      <c r="I106" s="471"/>
      <c r="J106" s="471"/>
      <c r="K106" s="471"/>
      <c r="L106" s="455"/>
      <c r="M106" s="456"/>
      <c r="N106" s="456"/>
      <c r="O106" s="456"/>
      <c r="P106" s="456"/>
      <c r="Q106" s="456"/>
      <c r="R106" s="456"/>
      <c r="S106" s="456"/>
      <c r="T106" s="456"/>
      <c r="U106" s="456"/>
      <c r="V106" s="456"/>
      <c r="W106" s="456"/>
      <c r="X106" s="456"/>
      <c r="Y106" s="456"/>
      <c r="Z106" s="456"/>
      <c r="AA106" s="456"/>
      <c r="AB106" s="456"/>
      <c r="AC106" s="456"/>
      <c r="AD106" s="456"/>
      <c r="AE106" s="456"/>
      <c r="AF106" s="456"/>
      <c r="AG106" s="456"/>
      <c r="AH106" s="456"/>
      <c r="AI106" s="456"/>
      <c r="AJ106" s="456"/>
      <c r="AK106" s="456"/>
      <c r="AL106" s="456"/>
      <c r="AM106" s="456"/>
      <c r="AN106" s="456"/>
      <c r="AO106" s="456"/>
      <c r="AP106" s="456"/>
      <c r="AQ106" s="456"/>
      <c r="AR106" s="456"/>
      <c r="AS106" s="456"/>
      <c r="AT106" s="456"/>
      <c r="AU106" s="456"/>
      <c r="AV106" s="456"/>
      <c r="AW106" s="456"/>
      <c r="AX106" s="456"/>
      <c r="AY106" s="456"/>
      <c r="AZ106" s="456"/>
      <c r="BA106" s="456"/>
      <c r="BB106" s="456"/>
      <c r="BC106" s="456"/>
      <c r="BD106" s="456"/>
      <c r="BE106" s="456"/>
      <c r="BF106" s="456"/>
      <c r="BG106" s="456"/>
      <c r="BH106" s="456"/>
      <c r="BI106" s="456"/>
      <c r="BJ106" s="456"/>
      <c r="BK106" s="456"/>
      <c r="BL106" s="456"/>
      <c r="BM106" s="456"/>
      <c r="BN106" s="456"/>
      <c r="BO106" s="456"/>
      <c r="BP106" s="456"/>
      <c r="BQ106" s="456"/>
      <c r="BR106" s="456"/>
      <c r="BS106" s="456"/>
      <c r="BT106" s="456"/>
      <c r="BU106" s="456"/>
      <c r="BV106" s="456"/>
      <c r="BW106" s="456"/>
      <c r="BX106" s="456"/>
      <c r="BY106" s="456"/>
      <c r="BZ106" s="456"/>
      <c r="CA106" s="456"/>
      <c r="CB106" s="456"/>
      <c r="CC106" s="456"/>
      <c r="CD106" s="456"/>
      <c r="CE106" s="456"/>
      <c r="CF106" s="456"/>
      <c r="CG106" s="456"/>
      <c r="CH106" s="456"/>
      <c r="CI106" s="456"/>
      <c r="CJ106" s="456"/>
      <c r="CK106" s="456"/>
      <c r="CL106" s="456"/>
      <c r="CM106" s="456"/>
      <c r="CN106" s="456"/>
      <c r="CO106" s="456"/>
      <c r="CP106" s="456"/>
      <c r="CQ106" s="456"/>
      <c r="CR106" s="457"/>
    </row>
    <row r="107" spans="1:159" s="8" customFormat="1" ht="7.5" customHeight="1" x14ac:dyDescent="0.55000000000000004">
      <c r="A107" s="471"/>
      <c r="B107" s="471"/>
      <c r="C107" s="471"/>
      <c r="D107" s="471"/>
      <c r="E107" s="471"/>
      <c r="F107" s="471"/>
      <c r="G107" s="471"/>
      <c r="H107" s="471"/>
      <c r="I107" s="471"/>
      <c r="J107" s="471"/>
      <c r="K107" s="471"/>
      <c r="L107" s="455"/>
      <c r="M107" s="456"/>
      <c r="N107" s="456"/>
      <c r="O107" s="456"/>
      <c r="P107" s="456"/>
      <c r="Q107" s="456"/>
      <c r="R107" s="456"/>
      <c r="S107" s="456"/>
      <c r="T107" s="456"/>
      <c r="U107" s="456"/>
      <c r="V107" s="456"/>
      <c r="W107" s="456"/>
      <c r="X107" s="456"/>
      <c r="Y107" s="456"/>
      <c r="Z107" s="456"/>
      <c r="AA107" s="456"/>
      <c r="AB107" s="456"/>
      <c r="AC107" s="456"/>
      <c r="AD107" s="456"/>
      <c r="AE107" s="456"/>
      <c r="AF107" s="456"/>
      <c r="AG107" s="456"/>
      <c r="AH107" s="456"/>
      <c r="AI107" s="456"/>
      <c r="AJ107" s="456"/>
      <c r="AK107" s="456"/>
      <c r="AL107" s="456"/>
      <c r="AM107" s="456"/>
      <c r="AN107" s="456"/>
      <c r="AO107" s="456"/>
      <c r="AP107" s="456"/>
      <c r="AQ107" s="456"/>
      <c r="AR107" s="456"/>
      <c r="AS107" s="456"/>
      <c r="AT107" s="456"/>
      <c r="AU107" s="456"/>
      <c r="AV107" s="456"/>
      <c r="AW107" s="456"/>
      <c r="AX107" s="456"/>
      <c r="AY107" s="456"/>
      <c r="AZ107" s="456"/>
      <c r="BA107" s="456"/>
      <c r="BB107" s="456"/>
      <c r="BC107" s="456"/>
      <c r="BD107" s="456"/>
      <c r="BE107" s="456"/>
      <c r="BF107" s="456"/>
      <c r="BG107" s="456"/>
      <c r="BH107" s="456"/>
      <c r="BI107" s="456"/>
      <c r="BJ107" s="456"/>
      <c r="BK107" s="456"/>
      <c r="BL107" s="456"/>
      <c r="BM107" s="456"/>
      <c r="BN107" s="456"/>
      <c r="BO107" s="456"/>
      <c r="BP107" s="456"/>
      <c r="BQ107" s="456"/>
      <c r="BR107" s="456"/>
      <c r="BS107" s="456"/>
      <c r="BT107" s="456"/>
      <c r="BU107" s="456"/>
      <c r="BV107" s="456"/>
      <c r="BW107" s="456"/>
      <c r="BX107" s="456"/>
      <c r="BY107" s="456"/>
      <c r="BZ107" s="456"/>
      <c r="CA107" s="456"/>
      <c r="CB107" s="456"/>
      <c r="CC107" s="456"/>
      <c r="CD107" s="456"/>
      <c r="CE107" s="456"/>
      <c r="CF107" s="456"/>
      <c r="CG107" s="456"/>
      <c r="CH107" s="456"/>
      <c r="CI107" s="456"/>
      <c r="CJ107" s="456"/>
      <c r="CK107" s="456"/>
      <c r="CL107" s="456"/>
      <c r="CM107" s="456"/>
      <c r="CN107" s="456"/>
      <c r="CO107" s="456"/>
      <c r="CP107" s="456"/>
      <c r="CQ107" s="456"/>
      <c r="CR107" s="457"/>
    </row>
    <row r="108" spans="1:159" s="8" customFormat="1" ht="7.5" customHeight="1" x14ac:dyDescent="0.55000000000000004">
      <c r="A108" s="472"/>
      <c r="B108" s="472"/>
      <c r="C108" s="472"/>
      <c r="D108" s="472"/>
      <c r="E108" s="472"/>
      <c r="F108" s="472"/>
      <c r="G108" s="472"/>
      <c r="H108" s="472"/>
      <c r="I108" s="472"/>
      <c r="J108" s="472"/>
      <c r="K108" s="472"/>
      <c r="L108" s="458"/>
      <c r="M108" s="459"/>
      <c r="N108" s="459"/>
      <c r="O108" s="459"/>
      <c r="P108" s="459"/>
      <c r="Q108" s="459"/>
      <c r="R108" s="459"/>
      <c r="S108" s="459"/>
      <c r="T108" s="459"/>
      <c r="U108" s="459"/>
      <c r="V108" s="459"/>
      <c r="W108" s="459"/>
      <c r="X108" s="459"/>
      <c r="Y108" s="459"/>
      <c r="Z108" s="459"/>
      <c r="AA108" s="459"/>
      <c r="AB108" s="459"/>
      <c r="AC108" s="459"/>
      <c r="AD108" s="459"/>
      <c r="AE108" s="459"/>
      <c r="AF108" s="459"/>
      <c r="AG108" s="459"/>
      <c r="AH108" s="459"/>
      <c r="AI108" s="459"/>
      <c r="AJ108" s="459"/>
      <c r="AK108" s="459"/>
      <c r="AL108" s="459"/>
      <c r="AM108" s="459"/>
      <c r="AN108" s="459"/>
      <c r="AO108" s="459"/>
      <c r="AP108" s="459"/>
      <c r="AQ108" s="459"/>
      <c r="AR108" s="459"/>
      <c r="AS108" s="459"/>
      <c r="AT108" s="459"/>
      <c r="AU108" s="459"/>
      <c r="AV108" s="459"/>
      <c r="AW108" s="459"/>
      <c r="AX108" s="459"/>
      <c r="AY108" s="459"/>
      <c r="AZ108" s="459"/>
      <c r="BA108" s="459"/>
      <c r="BB108" s="459"/>
      <c r="BC108" s="459"/>
      <c r="BD108" s="459"/>
      <c r="BE108" s="459"/>
      <c r="BF108" s="459"/>
      <c r="BG108" s="459"/>
      <c r="BH108" s="459"/>
      <c r="BI108" s="459"/>
      <c r="BJ108" s="459"/>
      <c r="BK108" s="459"/>
      <c r="BL108" s="459"/>
      <c r="BM108" s="459"/>
      <c r="BN108" s="459"/>
      <c r="BO108" s="459"/>
      <c r="BP108" s="459"/>
      <c r="BQ108" s="459"/>
      <c r="BR108" s="459"/>
      <c r="BS108" s="459"/>
      <c r="BT108" s="459"/>
      <c r="BU108" s="459"/>
      <c r="BV108" s="459"/>
      <c r="BW108" s="459"/>
      <c r="BX108" s="459"/>
      <c r="BY108" s="459"/>
      <c r="BZ108" s="459"/>
      <c r="CA108" s="459"/>
      <c r="CB108" s="459"/>
      <c r="CC108" s="459"/>
      <c r="CD108" s="459"/>
      <c r="CE108" s="459"/>
      <c r="CF108" s="459"/>
      <c r="CG108" s="459"/>
      <c r="CH108" s="459"/>
      <c r="CI108" s="459"/>
      <c r="CJ108" s="459"/>
      <c r="CK108" s="459"/>
      <c r="CL108" s="459"/>
      <c r="CM108" s="459"/>
      <c r="CN108" s="459"/>
      <c r="CO108" s="459"/>
      <c r="CP108" s="459"/>
      <c r="CQ108" s="459"/>
      <c r="CR108" s="460"/>
    </row>
    <row r="109" spans="1:159" s="8" customFormat="1" ht="9" customHeight="1" x14ac:dyDescent="0.55000000000000004">
      <c r="A109" s="52"/>
      <c r="B109" s="52"/>
      <c r="C109" s="52"/>
      <c r="D109" s="52"/>
      <c r="E109" s="52"/>
      <c r="F109" s="52"/>
      <c r="G109" s="52"/>
      <c r="H109" s="52"/>
      <c r="I109" s="52"/>
      <c r="J109" s="52"/>
      <c r="K109" s="52"/>
      <c r="L109" s="52"/>
      <c r="M109" s="52"/>
      <c r="N109" s="52"/>
      <c r="O109" s="52"/>
      <c r="P109" s="52"/>
      <c r="Q109" s="52"/>
      <c r="R109" s="52"/>
      <c r="S109" s="52"/>
      <c r="T109" s="52"/>
      <c r="U109" s="52"/>
      <c r="V109" s="52"/>
      <c r="W109" s="52"/>
      <c r="X109" s="52"/>
      <c r="Y109" s="52"/>
      <c r="Z109" s="52"/>
      <c r="AA109" s="52"/>
      <c r="AB109" s="52"/>
      <c r="AC109" s="52"/>
      <c r="AD109" s="52"/>
      <c r="AE109" s="52"/>
      <c r="AF109" s="52"/>
      <c r="AG109" s="52"/>
      <c r="AH109" s="52"/>
      <c r="AI109" s="52"/>
      <c r="AJ109" s="52"/>
      <c r="AK109" s="52"/>
      <c r="AL109" s="52"/>
      <c r="AM109" s="52"/>
      <c r="AN109" s="52"/>
      <c r="AO109" s="52"/>
      <c r="AP109" s="52"/>
      <c r="AQ109" s="52"/>
      <c r="AR109" s="52"/>
      <c r="AS109" s="52"/>
      <c r="AT109" s="52"/>
      <c r="AU109" s="52"/>
      <c r="AV109" s="52"/>
      <c r="AW109" s="52"/>
      <c r="AX109" s="52"/>
      <c r="AY109" s="52"/>
      <c r="AZ109" s="52"/>
      <c r="BA109" s="52"/>
      <c r="BB109" s="52"/>
      <c r="BC109" s="52"/>
      <c r="BD109" s="52"/>
      <c r="BE109" s="52"/>
      <c r="BF109" s="52"/>
      <c r="BG109" s="52"/>
      <c r="BH109" s="52"/>
      <c r="BI109" s="52"/>
      <c r="BJ109" s="52"/>
      <c r="BK109" s="52"/>
      <c r="BL109" s="52"/>
      <c r="BM109" s="52"/>
      <c r="BN109" s="52"/>
      <c r="BO109" s="52"/>
      <c r="BP109" s="52"/>
      <c r="BQ109" s="52"/>
      <c r="BR109" s="52"/>
      <c r="BS109" s="52"/>
      <c r="BT109" s="52"/>
      <c r="BU109" s="52"/>
      <c r="BV109" s="52"/>
      <c r="BW109" s="52"/>
      <c r="BX109" s="52"/>
      <c r="BY109" s="52"/>
      <c r="BZ109" s="52"/>
      <c r="CA109" s="52"/>
      <c r="CB109" s="52"/>
      <c r="CC109" s="52"/>
      <c r="CD109" s="52"/>
      <c r="CE109" s="52"/>
      <c r="CF109" s="52"/>
      <c r="CG109" s="52"/>
      <c r="CH109" s="52"/>
      <c r="CI109" s="52"/>
      <c r="CJ109" s="52"/>
      <c r="CK109" s="52"/>
      <c r="CL109" s="52"/>
      <c r="CM109" s="52"/>
      <c r="CN109" s="52"/>
      <c r="CO109" s="52"/>
      <c r="CP109" s="52"/>
      <c r="CQ109" s="52"/>
      <c r="CR109" s="52"/>
    </row>
    <row r="110" spans="1:159" s="52" customFormat="1" ht="7.5" customHeight="1" x14ac:dyDescent="0.55000000000000004">
      <c r="A110" s="463" t="s">
        <v>55</v>
      </c>
      <c r="B110" s="463"/>
      <c r="C110" s="463"/>
      <c r="D110" s="463"/>
      <c r="E110" s="463"/>
      <c r="F110" s="463"/>
      <c r="G110" s="463"/>
      <c r="H110" s="463"/>
      <c r="I110" s="463"/>
      <c r="J110" s="463"/>
      <c r="K110" s="463"/>
      <c r="L110" s="463"/>
      <c r="M110" s="463"/>
      <c r="N110" s="463"/>
      <c r="O110" s="463"/>
      <c r="P110" s="463"/>
      <c r="Q110" s="463"/>
      <c r="R110" s="463"/>
      <c r="S110" s="463"/>
      <c r="T110" s="463"/>
      <c r="U110" s="463"/>
      <c r="V110" s="463"/>
      <c r="W110" s="463"/>
      <c r="X110" s="463"/>
      <c r="Y110" s="463"/>
      <c r="Z110" s="463"/>
      <c r="AA110" s="463"/>
      <c r="AB110" s="463"/>
      <c r="AC110" s="463"/>
      <c r="AD110" s="463"/>
      <c r="AE110" s="463"/>
      <c r="AF110" s="463"/>
      <c r="AG110" s="463"/>
      <c r="AH110" s="463"/>
      <c r="AI110" s="463"/>
      <c r="AJ110" s="463"/>
      <c r="AK110" s="463"/>
      <c r="AL110" s="463"/>
      <c r="AM110" s="463"/>
      <c r="AN110" s="463"/>
      <c r="AO110" s="463"/>
      <c r="AP110" s="463"/>
      <c r="AQ110" s="463"/>
      <c r="AR110" s="463"/>
      <c r="AS110" s="463"/>
      <c r="AT110" s="463"/>
      <c r="AU110" s="463"/>
      <c r="AV110" s="463"/>
      <c r="AW110" s="463"/>
      <c r="AX110" s="463"/>
      <c r="AY110" s="463"/>
      <c r="AZ110" s="463"/>
      <c r="BA110" s="463"/>
      <c r="BB110" s="463"/>
      <c r="BC110" s="463"/>
      <c r="BD110" s="463"/>
      <c r="BE110" s="463"/>
      <c r="BF110" s="463"/>
      <c r="BG110" s="463"/>
      <c r="BH110" s="463"/>
      <c r="BI110" s="463"/>
      <c r="BJ110" s="463"/>
      <c r="BK110" s="463"/>
      <c r="BL110" s="463"/>
      <c r="BM110" s="463"/>
      <c r="BN110" s="463"/>
      <c r="BO110" s="463"/>
      <c r="BP110" s="463"/>
      <c r="BQ110" s="463"/>
      <c r="BR110" s="463"/>
      <c r="BS110" s="463"/>
      <c r="BT110" s="463"/>
      <c r="BU110" s="463"/>
      <c r="BV110" s="463"/>
      <c r="BW110" s="463"/>
      <c r="BX110" s="463"/>
      <c r="BY110" s="463"/>
      <c r="BZ110" s="463"/>
      <c r="CA110" s="463"/>
      <c r="CB110" s="463"/>
      <c r="CC110" s="463"/>
      <c r="CD110" s="31"/>
      <c r="CE110" s="31"/>
      <c r="CF110" s="13"/>
      <c r="CG110" s="13"/>
      <c r="CH110" s="13"/>
      <c r="CI110" s="13"/>
      <c r="CJ110" s="13"/>
      <c r="CK110" s="39"/>
      <c r="CL110" s="39"/>
      <c r="CM110" s="39"/>
      <c r="CN110" s="39"/>
      <c r="CO110" s="12"/>
      <c r="CP110" s="24"/>
      <c r="CQ110" s="24"/>
      <c r="CR110" s="24"/>
    </row>
    <row r="111" spans="1:159" s="31" customFormat="1" ht="7.5" customHeight="1" x14ac:dyDescent="0.55000000000000004">
      <c r="A111" s="463"/>
      <c r="B111" s="463"/>
      <c r="C111" s="463"/>
      <c r="D111" s="463"/>
      <c r="E111" s="463"/>
      <c r="F111" s="463"/>
      <c r="G111" s="463"/>
      <c r="H111" s="463"/>
      <c r="I111" s="463"/>
      <c r="J111" s="463"/>
      <c r="K111" s="463"/>
      <c r="L111" s="463"/>
      <c r="M111" s="463"/>
      <c r="N111" s="463"/>
      <c r="O111" s="463"/>
      <c r="P111" s="463"/>
      <c r="Q111" s="463"/>
      <c r="R111" s="463"/>
      <c r="S111" s="463"/>
      <c r="T111" s="463"/>
      <c r="U111" s="463"/>
      <c r="V111" s="463"/>
      <c r="W111" s="463"/>
      <c r="X111" s="463"/>
      <c r="Y111" s="463"/>
      <c r="Z111" s="463"/>
      <c r="AA111" s="463"/>
      <c r="AB111" s="463"/>
      <c r="AC111" s="463"/>
      <c r="AD111" s="463"/>
      <c r="AE111" s="463"/>
      <c r="AF111" s="463"/>
      <c r="AG111" s="463"/>
      <c r="AH111" s="463"/>
      <c r="AI111" s="463"/>
      <c r="AJ111" s="463"/>
      <c r="AK111" s="463"/>
      <c r="AL111" s="463"/>
      <c r="AM111" s="463"/>
      <c r="AN111" s="463"/>
      <c r="AO111" s="463"/>
      <c r="AP111" s="463"/>
      <c r="AQ111" s="463"/>
      <c r="AR111" s="463"/>
      <c r="AS111" s="463"/>
      <c r="AT111" s="463"/>
      <c r="AU111" s="463"/>
      <c r="AV111" s="463"/>
      <c r="AW111" s="463"/>
      <c r="AX111" s="463"/>
      <c r="AY111" s="463"/>
      <c r="AZ111" s="463"/>
      <c r="BA111" s="463"/>
      <c r="BB111" s="463"/>
      <c r="BC111" s="463"/>
      <c r="BD111" s="463"/>
      <c r="BE111" s="463"/>
      <c r="BF111" s="463"/>
      <c r="BG111" s="463"/>
      <c r="BH111" s="463"/>
      <c r="BI111" s="463"/>
      <c r="BJ111" s="463"/>
      <c r="BK111" s="463"/>
      <c r="BL111" s="463"/>
      <c r="BM111" s="463"/>
      <c r="BN111" s="463"/>
      <c r="BO111" s="463"/>
      <c r="BP111" s="463"/>
      <c r="BQ111" s="463"/>
      <c r="BR111" s="463"/>
      <c r="BS111" s="463"/>
      <c r="BT111" s="463"/>
      <c r="BU111" s="463"/>
      <c r="BV111" s="463"/>
      <c r="BW111" s="463"/>
      <c r="BX111" s="463"/>
      <c r="BY111" s="463"/>
      <c r="BZ111" s="463"/>
      <c r="CA111" s="463"/>
      <c r="CB111" s="463"/>
      <c r="CC111" s="463"/>
      <c r="CF111" s="13"/>
      <c r="CG111" s="13"/>
      <c r="CH111" s="13"/>
      <c r="CI111" s="13"/>
      <c r="CJ111" s="13"/>
      <c r="CK111" s="39"/>
      <c r="CL111" s="39"/>
      <c r="CM111" s="53"/>
      <c r="CN111" s="53"/>
      <c r="CO111" s="53"/>
      <c r="CP111" s="53"/>
      <c r="CQ111" s="53"/>
      <c r="CR111" s="53"/>
      <c r="CS111" s="24"/>
      <c r="CT111" s="24"/>
      <c r="CU111" s="24"/>
      <c r="CV111" s="24"/>
      <c r="CW111" s="24"/>
      <c r="CX111" s="24"/>
      <c r="CY111" s="24"/>
      <c r="CZ111" s="24"/>
      <c r="DA111" s="24"/>
      <c r="DB111" s="24"/>
      <c r="DC111" s="24"/>
      <c r="DD111" s="24"/>
      <c r="DE111" s="24"/>
      <c r="DF111" s="24"/>
      <c r="DG111" s="24"/>
      <c r="DH111" s="24"/>
      <c r="DI111" s="24"/>
      <c r="DJ111" s="24"/>
      <c r="DK111" s="24"/>
      <c r="DL111" s="24"/>
      <c r="DM111" s="24"/>
      <c r="DN111" s="24"/>
      <c r="DO111" s="24"/>
      <c r="DP111" s="24"/>
      <c r="DQ111" s="24"/>
      <c r="DR111" s="24"/>
      <c r="DS111" s="24"/>
      <c r="DT111" s="24"/>
      <c r="DU111" s="24"/>
      <c r="DV111" s="24"/>
      <c r="DW111" s="24"/>
      <c r="DX111" s="24"/>
      <c r="DY111" s="24"/>
      <c r="DZ111" s="24"/>
      <c r="EA111" s="24"/>
      <c r="EB111" s="24"/>
      <c r="EC111" s="24"/>
      <c r="ED111" s="24"/>
      <c r="EE111" s="24"/>
      <c r="EF111" s="24"/>
      <c r="EG111" s="24"/>
      <c r="EH111" s="24"/>
      <c r="EI111" s="24"/>
      <c r="EJ111" s="24"/>
      <c r="EK111" s="24"/>
      <c r="EL111" s="24"/>
      <c r="EM111" s="24"/>
      <c r="EN111" s="24"/>
      <c r="EO111" s="24"/>
      <c r="EP111" s="24"/>
      <c r="EQ111" s="24"/>
      <c r="ER111" s="13"/>
      <c r="ES111" s="13"/>
      <c r="ET111" s="13"/>
      <c r="EU111" s="13"/>
      <c r="EV111" s="13"/>
      <c r="EW111" s="13"/>
      <c r="EX111" s="13"/>
      <c r="EY111" s="13"/>
      <c r="EZ111" s="13"/>
      <c r="FA111" s="13"/>
      <c r="FB111" s="13"/>
      <c r="FC111" s="13"/>
    </row>
    <row r="112" spans="1:159" s="31" customFormat="1" ht="7.4" customHeight="1" x14ac:dyDescent="0.55000000000000004">
      <c r="A112" s="463"/>
      <c r="B112" s="463"/>
      <c r="C112" s="463"/>
      <c r="D112" s="463"/>
      <c r="E112" s="463"/>
      <c r="F112" s="463"/>
      <c r="G112" s="463"/>
      <c r="H112" s="463"/>
      <c r="I112" s="463"/>
      <c r="J112" s="463"/>
      <c r="K112" s="463"/>
      <c r="L112" s="463"/>
      <c r="M112" s="463"/>
      <c r="N112" s="463"/>
      <c r="O112" s="463"/>
      <c r="P112" s="463"/>
      <c r="Q112" s="463"/>
      <c r="R112" s="463"/>
      <c r="S112" s="463"/>
      <c r="T112" s="463"/>
      <c r="U112" s="463"/>
      <c r="V112" s="463"/>
      <c r="W112" s="463"/>
      <c r="X112" s="463"/>
      <c r="Y112" s="463"/>
      <c r="Z112" s="463"/>
      <c r="AA112" s="463"/>
      <c r="AB112" s="463"/>
      <c r="AC112" s="463"/>
      <c r="AD112" s="463"/>
      <c r="AE112" s="463"/>
      <c r="AF112" s="463"/>
      <c r="AG112" s="463"/>
      <c r="AH112" s="463"/>
      <c r="AI112" s="463"/>
      <c r="AJ112" s="463"/>
      <c r="AK112" s="463"/>
      <c r="AL112" s="463"/>
      <c r="AM112" s="463"/>
      <c r="AN112" s="463"/>
      <c r="AO112" s="463"/>
      <c r="AP112" s="463"/>
      <c r="AQ112" s="463"/>
      <c r="AR112" s="463"/>
      <c r="AS112" s="463"/>
      <c r="AT112" s="463"/>
      <c r="AU112" s="463"/>
      <c r="AV112" s="463"/>
      <c r="AW112" s="463"/>
      <c r="AX112" s="463"/>
      <c r="AY112" s="463"/>
      <c r="AZ112" s="463"/>
      <c r="BA112" s="463"/>
      <c r="BB112" s="463"/>
      <c r="BC112" s="463"/>
      <c r="BD112" s="463"/>
      <c r="BE112" s="463"/>
      <c r="BF112" s="463"/>
      <c r="BG112" s="463"/>
      <c r="BH112" s="463"/>
      <c r="BI112" s="463"/>
      <c r="BJ112" s="463"/>
      <c r="BK112" s="463"/>
      <c r="BL112" s="463"/>
      <c r="BM112" s="463"/>
      <c r="BN112" s="463"/>
      <c r="BO112" s="463"/>
      <c r="BP112" s="463"/>
      <c r="BQ112" s="463"/>
      <c r="BR112" s="463"/>
      <c r="BS112" s="463"/>
      <c r="BT112" s="463"/>
      <c r="BU112" s="463"/>
      <c r="BV112" s="463"/>
      <c r="BW112" s="463"/>
      <c r="BX112" s="463"/>
      <c r="BY112" s="463"/>
      <c r="BZ112" s="463"/>
      <c r="CA112" s="463"/>
      <c r="CB112" s="463"/>
      <c r="CC112" s="463"/>
      <c r="CF112" s="13"/>
      <c r="CG112" s="13"/>
      <c r="CH112" s="13"/>
      <c r="CI112" s="13"/>
      <c r="CJ112" s="13"/>
      <c r="CK112" s="39"/>
      <c r="CL112" s="39"/>
      <c r="CM112" s="53"/>
      <c r="CN112" s="53"/>
      <c r="CO112" s="53"/>
      <c r="CP112" s="53"/>
      <c r="CQ112" s="53"/>
      <c r="CR112" s="53"/>
      <c r="CS112" s="53"/>
      <c r="CT112" s="53"/>
      <c r="CU112" s="53"/>
      <c r="CV112" s="53"/>
      <c r="CW112" s="53"/>
      <c r="CX112" s="53"/>
      <c r="CY112" s="53"/>
      <c r="CZ112" s="53"/>
      <c r="DA112" s="53"/>
      <c r="DB112" s="53"/>
      <c r="DC112" s="53"/>
      <c r="DD112" s="53"/>
      <c r="DE112" s="53"/>
      <c r="DF112" s="53"/>
      <c r="DG112" s="53"/>
      <c r="DH112" s="53"/>
      <c r="DI112" s="53"/>
      <c r="DJ112" s="53"/>
      <c r="DK112" s="53"/>
      <c r="DL112" s="53"/>
      <c r="DM112" s="53"/>
      <c r="DN112" s="53"/>
      <c r="DO112" s="53"/>
      <c r="DP112" s="53"/>
      <c r="DQ112" s="53"/>
      <c r="DR112" s="53"/>
      <c r="DS112" s="53"/>
      <c r="DT112" s="53"/>
      <c r="DU112" s="53"/>
      <c r="DV112" s="53"/>
      <c r="DW112" s="53"/>
      <c r="DX112" s="53"/>
      <c r="DY112" s="53"/>
      <c r="DZ112" s="53"/>
      <c r="EA112" s="53"/>
      <c r="EB112" s="53"/>
      <c r="EC112" s="53"/>
      <c r="ED112" s="53"/>
      <c r="EE112" s="53"/>
      <c r="EF112" s="53"/>
      <c r="EG112" s="53"/>
      <c r="EH112" s="53"/>
      <c r="EI112" s="53"/>
      <c r="EJ112" s="53"/>
      <c r="EK112" s="53"/>
      <c r="EL112" s="53"/>
      <c r="EM112" s="53"/>
      <c r="EN112" s="53"/>
      <c r="EO112" s="53"/>
      <c r="EP112" s="53"/>
      <c r="EQ112" s="53"/>
      <c r="ER112" s="53"/>
      <c r="ES112" s="53"/>
      <c r="ET112" s="53"/>
      <c r="EU112" s="13"/>
      <c r="EV112" s="13"/>
      <c r="EW112" s="13"/>
      <c r="EX112" s="13"/>
      <c r="EY112" s="13"/>
      <c r="EZ112" s="13"/>
      <c r="FA112" s="13"/>
      <c r="FB112" s="13"/>
      <c r="FC112" s="13"/>
    </row>
    <row r="113" spans="1:159" s="31" customFormat="1" ht="6.75" customHeight="1" x14ac:dyDescent="0.2">
      <c r="A113" s="461" t="s">
        <v>56</v>
      </c>
      <c r="B113" s="461"/>
      <c r="C113" s="461"/>
      <c r="D113" s="461"/>
      <c r="E113" s="461"/>
      <c r="F113" s="461"/>
      <c r="G113" s="461"/>
      <c r="H113" s="461"/>
      <c r="I113" s="461"/>
      <c r="J113" s="461"/>
      <c r="K113" s="461"/>
      <c r="L113" s="461"/>
      <c r="M113" s="461"/>
      <c r="N113" s="461"/>
      <c r="O113" s="461"/>
      <c r="P113" s="461"/>
      <c r="Q113" s="461"/>
      <c r="R113" s="461"/>
      <c r="S113" s="461"/>
      <c r="T113" s="461"/>
      <c r="U113" s="461"/>
      <c r="V113" s="461"/>
      <c r="W113" s="461"/>
      <c r="X113" s="461"/>
      <c r="Y113" s="461"/>
      <c r="Z113" s="461"/>
      <c r="AA113" s="461"/>
      <c r="AB113" s="461"/>
      <c r="AC113" s="461"/>
      <c r="AD113" s="461"/>
      <c r="AE113" s="461"/>
      <c r="AF113" s="461"/>
      <c r="AG113" s="461"/>
      <c r="AH113" s="461"/>
      <c r="AI113" s="461"/>
      <c r="AJ113" s="461"/>
      <c r="AK113" s="461"/>
      <c r="AL113" s="461"/>
      <c r="AM113" s="461"/>
      <c r="AN113" s="461"/>
      <c r="AO113" s="461"/>
      <c r="AP113" s="461"/>
      <c r="AQ113" s="461"/>
      <c r="AR113" s="461"/>
      <c r="AS113" s="461"/>
      <c r="AT113" s="461"/>
      <c r="AU113" s="461"/>
      <c r="AV113" s="461"/>
      <c r="AW113" s="461"/>
      <c r="AX113" s="461"/>
      <c r="AY113" s="461"/>
      <c r="AZ113" s="461"/>
      <c r="BA113" s="461"/>
      <c r="BB113" s="461"/>
      <c r="BC113" s="461"/>
      <c r="BD113" s="461"/>
      <c r="BE113" s="461"/>
      <c r="BF113" s="461"/>
      <c r="BG113" s="461"/>
      <c r="BH113" s="461"/>
      <c r="BI113" s="461"/>
      <c r="BJ113" s="461"/>
      <c r="BK113" s="461"/>
      <c r="BL113" s="461"/>
      <c r="BM113" s="461"/>
      <c r="BN113" s="461"/>
      <c r="BO113" s="461"/>
      <c r="BP113" s="136"/>
      <c r="BQ113" s="136"/>
      <c r="BR113" s="136"/>
      <c r="BS113" s="136"/>
      <c r="BT113" s="136"/>
      <c r="BU113" s="136"/>
      <c r="BV113" s="8"/>
      <c r="BW113" s="14"/>
      <c r="BX113" s="27"/>
      <c r="BY113" s="27"/>
      <c r="BZ113" s="46"/>
      <c r="CA113" s="27"/>
      <c r="CB113" s="27"/>
      <c r="CC113" s="46"/>
      <c r="CD113" s="46"/>
      <c r="CE113" s="46"/>
      <c r="CF113" s="46"/>
      <c r="CG113" s="46"/>
      <c r="CH113" s="46"/>
      <c r="CI113" s="46"/>
      <c r="CJ113" s="46"/>
      <c r="CK113" s="12"/>
      <c r="CL113" s="12"/>
      <c r="CM113" s="54"/>
      <c r="CN113" s="54"/>
      <c r="CO113" s="54"/>
      <c r="CP113" s="54"/>
      <c r="CQ113" s="54"/>
      <c r="CR113" s="54"/>
      <c r="CS113" s="53"/>
      <c r="CT113" s="53"/>
      <c r="CU113" s="53"/>
      <c r="CV113" s="53"/>
      <c r="CW113" s="53"/>
      <c r="CX113" s="53"/>
      <c r="CY113" s="53"/>
      <c r="CZ113" s="53"/>
      <c r="DA113" s="53"/>
      <c r="DB113" s="53"/>
      <c r="DC113" s="53"/>
      <c r="DD113" s="53"/>
      <c r="DE113" s="53"/>
      <c r="DF113" s="53"/>
      <c r="DG113" s="53"/>
      <c r="DH113" s="53"/>
      <c r="DI113" s="53"/>
      <c r="DJ113" s="53"/>
      <c r="DK113" s="53"/>
      <c r="DL113" s="53"/>
      <c r="DM113" s="53"/>
      <c r="DN113" s="53"/>
      <c r="DO113" s="53"/>
      <c r="DP113" s="53"/>
      <c r="DQ113" s="53"/>
      <c r="DR113" s="53"/>
      <c r="DS113" s="53"/>
      <c r="DT113" s="53"/>
      <c r="DU113" s="53"/>
      <c r="DV113" s="53"/>
      <c r="DW113" s="53"/>
      <c r="DX113" s="53"/>
      <c r="DY113" s="53"/>
      <c r="DZ113" s="53"/>
      <c r="EA113" s="53"/>
      <c r="EB113" s="53"/>
      <c r="EC113" s="53"/>
      <c r="ED113" s="53"/>
      <c r="EE113" s="53"/>
      <c r="EF113" s="53"/>
      <c r="EG113" s="53"/>
      <c r="EH113" s="53"/>
      <c r="EI113" s="53"/>
      <c r="EJ113" s="53"/>
      <c r="EK113" s="53"/>
      <c r="EL113" s="53"/>
      <c r="EM113" s="53"/>
      <c r="EN113" s="53"/>
      <c r="EO113" s="53"/>
      <c r="EP113" s="53"/>
      <c r="EQ113" s="53"/>
      <c r="ER113" s="53"/>
      <c r="ES113" s="53"/>
      <c r="ET113" s="53"/>
      <c r="EU113" s="13"/>
      <c r="EV113" s="13"/>
      <c r="EW113" s="13"/>
      <c r="EX113" s="13"/>
      <c r="EY113" s="13"/>
      <c r="EZ113" s="13"/>
      <c r="FA113" s="13"/>
      <c r="FB113" s="13"/>
      <c r="FC113" s="13"/>
    </row>
    <row r="114" spans="1:159" s="8" customFormat="1" ht="7.4" customHeight="1" x14ac:dyDescent="0.2">
      <c r="A114" s="461"/>
      <c r="B114" s="461"/>
      <c r="C114" s="461"/>
      <c r="D114" s="461"/>
      <c r="E114" s="461"/>
      <c r="F114" s="461"/>
      <c r="G114" s="461"/>
      <c r="H114" s="461"/>
      <c r="I114" s="461"/>
      <c r="J114" s="461"/>
      <c r="K114" s="461"/>
      <c r="L114" s="461"/>
      <c r="M114" s="461"/>
      <c r="N114" s="461"/>
      <c r="O114" s="461"/>
      <c r="P114" s="461"/>
      <c r="Q114" s="461"/>
      <c r="R114" s="461"/>
      <c r="S114" s="461"/>
      <c r="T114" s="461"/>
      <c r="U114" s="461"/>
      <c r="V114" s="461"/>
      <c r="W114" s="461"/>
      <c r="X114" s="461"/>
      <c r="Y114" s="461"/>
      <c r="Z114" s="461"/>
      <c r="AA114" s="461"/>
      <c r="AB114" s="461"/>
      <c r="AC114" s="461"/>
      <c r="AD114" s="461"/>
      <c r="AE114" s="461"/>
      <c r="AF114" s="461"/>
      <c r="AG114" s="461"/>
      <c r="AH114" s="461"/>
      <c r="AI114" s="461"/>
      <c r="AJ114" s="461"/>
      <c r="AK114" s="461"/>
      <c r="AL114" s="461"/>
      <c r="AM114" s="461"/>
      <c r="AN114" s="461"/>
      <c r="AO114" s="461"/>
      <c r="AP114" s="461"/>
      <c r="AQ114" s="461"/>
      <c r="AR114" s="461"/>
      <c r="AS114" s="461"/>
      <c r="AT114" s="461"/>
      <c r="AU114" s="461"/>
      <c r="AV114" s="461"/>
      <c r="AW114" s="461"/>
      <c r="AX114" s="461"/>
      <c r="AY114" s="461"/>
      <c r="AZ114" s="461"/>
      <c r="BA114" s="461"/>
      <c r="BB114" s="461"/>
      <c r="BC114" s="461"/>
      <c r="BD114" s="461"/>
      <c r="BE114" s="461"/>
      <c r="BF114" s="461"/>
      <c r="BG114" s="461"/>
      <c r="BH114" s="461"/>
      <c r="BI114" s="461"/>
      <c r="BJ114" s="461"/>
      <c r="BK114" s="461"/>
      <c r="BL114" s="461"/>
      <c r="BM114" s="461"/>
      <c r="BN114" s="461"/>
      <c r="BO114" s="461"/>
      <c r="BP114" s="136"/>
      <c r="BQ114" s="136"/>
      <c r="BR114" s="136"/>
      <c r="BS114" s="136"/>
      <c r="BT114" s="136"/>
      <c r="BU114" s="136"/>
      <c r="BW114" s="14"/>
      <c r="BX114" s="27"/>
      <c r="BY114" s="27"/>
      <c r="BZ114" s="41"/>
      <c r="CA114" s="27"/>
      <c r="CB114" s="27"/>
      <c r="CC114" s="46"/>
      <c r="CD114" s="46"/>
      <c r="CE114" s="46"/>
      <c r="CF114" s="46"/>
      <c r="CG114" s="46"/>
      <c r="CH114" s="46"/>
      <c r="CI114" s="46"/>
      <c r="CJ114" s="46"/>
      <c r="CK114" s="39"/>
      <c r="CL114" s="39"/>
      <c r="CM114" s="54"/>
      <c r="CN114" s="54"/>
      <c r="CO114" s="54"/>
      <c r="CP114" s="54"/>
      <c r="CQ114" s="54"/>
      <c r="CR114" s="54"/>
      <c r="CS114" s="54"/>
      <c r="CT114" s="54"/>
      <c r="CU114" s="54"/>
      <c r="CV114" s="54"/>
      <c r="CW114" s="54"/>
      <c r="CX114" s="54"/>
      <c r="CY114" s="54"/>
      <c r="CZ114" s="54"/>
      <c r="DA114" s="54"/>
      <c r="DB114" s="54"/>
      <c r="DC114" s="54"/>
      <c r="DD114" s="54"/>
      <c r="DE114" s="54"/>
      <c r="DF114" s="54"/>
      <c r="DG114" s="54"/>
      <c r="DH114" s="54"/>
      <c r="DI114" s="54"/>
      <c r="DJ114" s="54"/>
      <c r="DK114" s="54"/>
      <c r="DL114" s="54"/>
      <c r="DM114" s="54"/>
      <c r="DN114" s="54"/>
      <c r="DO114" s="54"/>
      <c r="DP114" s="54"/>
      <c r="DQ114" s="54"/>
      <c r="DR114" s="54"/>
      <c r="DS114" s="54"/>
      <c r="DT114" s="54"/>
      <c r="DU114" s="54"/>
      <c r="DV114" s="54"/>
      <c r="DW114" s="54"/>
      <c r="DX114" s="54"/>
      <c r="DY114" s="54"/>
      <c r="DZ114" s="54"/>
      <c r="EA114" s="54"/>
      <c r="EB114" s="54"/>
      <c r="EC114" s="54"/>
      <c r="ED114" s="54"/>
      <c r="EE114" s="54"/>
      <c r="EF114" s="54"/>
      <c r="EG114" s="54"/>
      <c r="EH114" s="54"/>
      <c r="EI114" s="54"/>
      <c r="EJ114" s="54"/>
      <c r="EK114" s="54"/>
      <c r="EL114" s="54"/>
      <c r="EM114" s="54"/>
      <c r="EN114" s="54"/>
      <c r="EO114" s="54"/>
      <c r="EP114" s="54"/>
      <c r="EQ114" s="54"/>
      <c r="ER114" s="54"/>
      <c r="ES114" s="54"/>
      <c r="ET114" s="54"/>
      <c r="EU114" s="54"/>
      <c r="EV114" s="14"/>
      <c r="EW114" s="14"/>
      <c r="EX114" s="14"/>
      <c r="EY114" s="14"/>
      <c r="EZ114" s="14"/>
      <c r="FA114" s="14"/>
      <c r="FB114" s="14"/>
      <c r="FC114" s="14"/>
    </row>
    <row r="115" spans="1:159" s="8" customFormat="1" ht="7.4" customHeight="1" x14ac:dyDescent="0.55000000000000004">
      <c r="A115" s="462"/>
      <c r="B115" s="462"/>
      <c r="C115" s="462"/>
      <c r="D115" s="462"/>
      <c r="E115" s="462"/>
      <c r="F115" s="462"/>
      <c r="G115" s="462"/>
      <c r="H115" s="462"/>
      <c r="I115" s="462"/>
      <c r="J115" s="462"/>
      <c r="K115" s="462"/>
      <c r="L115" s="462"/>
      <c r="M115" s="462"/>
      <c r="N115" s="462"/>
      <c r="O115" s="462"/>
      <c r="P115" s="462"/>
      <c r="Q115" s="462"/>
      <c r="R115" s="462"/>
      <c r="S115" s="462"/>
      <c r="T115" s="462"/>
      <c r="U115" s="462"/>
      <c r="V115" s="462"/>
      <c r="W115" s="462"/>
      <c r="X115" s="462"/>
      <c r="Y115" s="462"/>
      <c r="Z115" s="462"/>
      <c r="AA115" s="462"/>
      <c r="AB115" s="462"/>
      <c r="AC115" s="462"/>
      <c r="AD115" s="462"/>
      <c r="AE115" s="462"/>
      <c r="AF115" s="462"/>
      <c r="AG115" s="462"/>
      <c r="AH115" s="462"/>
      <c r="AI115" s="462"/>
      <c r="AJ115" s="462"/>
      <c r="AK115" s="462"/>
      <c r="AL115" s="462"/>
      <c r="AM115" s="462"/>
      <c r="AN115" s="462"/>
      <c r="AO115" s="462"/>
      <c r="AP115" s="462"/>
      <c r="AQ115" s="462"/>
      <c r="AR115" s="462"/>
      <c r="AS115" s="462"/>
      <c r="AT115" s="462"/>
      <c r="AU115" s="462"/>
      <c r="AV115" s="462"/>
      <c r="AW115" s="462"/>
      <c r="AX115" s="462"/>
      <c r="AY115" s="462"/>
      <c r="AZ115" s="462"/>
      <c r="BA115" s="462"/>
      <c r="BB115" s="462"/>
      <c r="BC115" s="462"/>
      <c r="BD115" s="462"/>
      <c r="BE115" s="462"/>
      <c r="BF115" s="462"/>
      <c r="BG115" s="462"/>
      <c r="BH115" s="462"/>
      <c r="BI115" s="462"/>
      <c r="BJ115" s="462"/>
      <c r="BK115" s="462"/>
      <c r="BL115" s="462"/>
      <c r="BM115" s="462"/>
      <c r="BN115" s="462"/>
      <c r="BO115" s="462"/>
      <c r="BP115" s="137"/>
      <c r="BQ115" s="137"/>
      <c r="BR115" s="137"/>
      <c r="BS115" s="137"/>
      <c r="BT115" s="137"/>
      <c r="BU115" s="137"/>
      <c r="BW115" s="14"/>
      <c r="BX115" s="27"/>
      <c r="BY115" s="27"/>
      <c r="BZ115" s="39"/>
      <c r="CA115" s="27"/>
      <c r="CB115" s="27"/>
      <c r="CC115" s="46"/>
      <c r="CD115" s="46"/>
      <c r="CE115" s="46"/>
      <c r="CF115" s="46"/>
      <c r="CG115" s="46"/>
      <c r="CH115" s="46"/>
      <c r="CI115" s="46"/>
      <c r="CJ115" s="46"/>
      <c r="CK115" s="46"/>
      <c r="CL115" s="46"/>
      <c r="CM115" s="46"/>
      <c r="CN115" s="46"/>
      <c r="CO115" s="46"/>
      <c r="CP115" s="46"/>
      <c r="CQ115" s="46"/>
      <c r="CR115" s="46"/>
      <c r="CS115" s="54"/>
      <c r="CT115" s="54"/>
      <c r="CU115" s="54"/>
      <c r="CV115" s="54"/>
      <c r="CW115" s="54"/>
      <c r="CX115" s="54"/>
      <c r="CY115" s="54"/>
      <c r="CZ115" s="54"/>
      <c r="DA115" s="54"/>
      <c r="DB115" s="54"/>
      <c r="DC115" s="54"/>
      <c r="DD115" s="54"/>
      <c r="DE115" s="54"/>
      <c r="DF115" s="54"/>
      <c r="DG115" s="54"/>
      <c r="DH115" s="54"/>
      <c r="DI115" s="54"/>
      <c r="DJ115" s="54"/>
      <c r="DK115" s="54"/>
      <c r="DL115" s="54"/>
      <c r="DM115" s="54"/>
      <c r="DN115" s="54"/>
      <c r="DO115" s="54"/>
      <c r="DP115" s="54"/>
      <c r="DQ115" s="54"/>
      <c r="DR115" s="54"/>
      <c r="DS115" s="54"/>
      <c r="DT115" s="54"/>
      <c r="DU115" s="54"/>
      <c r="DV115" s="54"/>
      <c r="DW115" s="54"/>
      <c r="DX115" s="54"/>
      <c r="DY115" s="54"/>
      <c r="DZ115" s="54"/>
      <c r="EA115" s="54"/>
      <c r="EB115" s="54"/>
      <c r="EC115" s="54"/>
      <c r="ED115" s="54"/>
      <c r="EE115" s="54"/>
      <c r="EF115" s="54"/>
      <c r="EG115" s="54"/>
      <c r="EH115" s="54"/>
      <c r="EI115" s="54"/>
      <c r="EJ115" s="54"/>
      <c r="EK115" s="54"/>
      <c r="EL115" s="54"/>
      <c r="EM115" s="54"/>
      <c r="EN115" s="54"/>
      <c r="EO115" s="54"/>
      <c r="EP115" s="54"/>
      <c r="EQ115" s="54"/>
      <c r="ER115" s="54"/>
      <c r="ES115" s="54"/>
      <c r="ET115" s="54"/>
      <c r="EU115" s="54"/>
      <c r="EV115" s="24"/>
      <c r="EW115" s="14"/>
      <c r="EX115" s="14"/>
      <c r="EY115" s="14"/>
      <c r="EZ115" s="14"/>
      <c r="FA115" s="14"/>
      <c r="FB115" s="14"/>
      <c r="FC115" s="14"/>
    </row>
    <row r="116" spans="1:159" s="8" customFormat="1" ht="7" customHeight="1" x14ac:dyDescent="0.55000000000000004">
      <c r="A116" s="473"/>
      <c r="B116" s="474"/>
      <c r="C116" s="474"/>
      <c r="D116" s="474"/>
      <c r="E116" s="474"/>
      <c r="F116" s="475" t="s">
        <v>135</v>
      </c>
      <c r="G116" s="475"/>
      <c r="H116" s="475"/>
      <c r="I116" s="475"/>
      <c r="J116" s="475"/>
      <c r="K116" s="475"/>
      <c r="L116" s="475"/>
      <c r="M116" s="475"/>
      <c r="N116" s="475"/>
      <c r="O116" s="475"/>
      <c r="P116" s="475"/>
      <c r="Q116" s="475"/>
      <c r="R116" s="475"/>
      <c r="S116" s="475"/>
      <c r="T116" s="475"/>
      <c r="U116" s="475"/>
      <c r="V116" s="475"/>
      <c r="W116" s="475"/>
      <c r="X116" s="475"/>
      <c r="Y116" s="475"/>
      <c r="Z116" s="475"/>
      <c r="AA116" s="475"/>
      <c r="AB116" s="475"/>
      <c r="AC116" s="475"/>
      <c r="AD116" s="475"/>
      <c r="AE116" s="475"/>
      <c r="AF116" s="475"/>
      <c r="AG116" s="475"/>
      <c r="AH116" s="475"/>
      <c r="AI116" s="475"/>
      <c r="AJ116" s="475"/>
      <c r="AK116" s="475"/>
      <c r="AL116" s="475"/>
      <c r="AM116" s="475"/>
      <c r="AN116" s="475"/>
      <c r="AO116" s="475"/>
      <c r="AP116" s="475"/>
      <c r="AQ116" s="475"/>
      <c r="AR116" s="475"/>
      <c r="AS116" s="475"/>
      <c r="AT116" s="475"/>
      <c r="AU116" s="475"/>
      <c r="AV116" s="475"/>
      <c r="AW116" s="475"/>
      <c r="AX116" s="475"/>
      <c r="AY116" s="475"/>
      <c r="AZ116" s="475"/>
      <c r="BA116" s="475"/>
      <c r="BB116" s="475"/>
      <c r="BC116" s="475"/>
      <c r="BD116" s="475"/>
      <c r="BE116" s="475"/>
      <c r="BF116" s="475"/>
      <c r="BG116" s="475"/>
      <c r="BH116" s="475"/>
      <c r="BI116" s="475"/>
      <c r="BJ116" s="475"/>
      <c r="BK116" s="475"/>
      <c r="BL116" s="475"/>
      <c r="BM116" s="475"/>
      <c r="BN116" s="475"/>
      <c r="BO116" s="475"/>
      <c r="BP116" s="475"/>
      <c r="BQ116" s="475"/>
      <c r="BR116" s="475"/>
      <c r="BS116" s="475"/>
      <c r="BT116" s="475"/>
      <c r="BU116" s="475"/>
      <c r="BV116" s="475"/>
      <c r="BW116" s="475"/>
      <c r="BX116" s="475"/>
      <c r="BY116" s="475"/>
      <c r="BZ116" s="475"/>
      <c r="CA116" s="475"/>
      <c r="CB116" s="475"/>
      <c r="CC116" s="475"/>
      <c r="CD116" s="475"/>
      <c r="CE116" s="475"/>
      <c r="CF116" s="475"/>
      <c r="CG116" s="475"/>
      <c r="CH116" s="475"/>
      <c r="CI116" s="475"/>
      <c r="CJ116" s="475"/>
      <c r="CK116" s="475"/>
      <c r="CL116" s="475"/>
      <c r="CM116" s="475"/>
      <c r="CN116" s="475"/>
      <c r="CO116" s="475"/>
      <c r="CP116" s="475"/>
      <c r="CQ116" s="475"/>
      <c r="CR116" s="476"/>
      <c r="CS116" s="46"/>
      <c r="CT116" s="46"/>
      <c r="CU116" s="46"/>
      <c r="CV116" s="46"/>
      <c r="CW116" s="46"/>
      <c r="CX116" s="46"/>
      <c r="CY116" s="46"/>
      <c r="CZ116" s="46"/>
      <c r="DA116" s="46"/>
      <c r="DB116" s="46"/>
      <c r="DC116" s="46"/>
      <c r="DD116" s="46"/>
      <c r="DE116" s="46"/>
      <c r="DF116" s="46"/>
      <c r="DG116" s="46"/>
      <c r="DH116" s="46"/>
      <c r="DI116" s="46"/>
      <c r="DJ116" s="46"/>
      <c r="DK116" s="27"/>
      <c r="DL116" s="27"/>
      <c r="DM116" s="19"/>
      <c r="DN116" s="19"/>
      <c r="DO116" s="19"/>
      <c r="DP116" s="19"/>
      <c r="DQ116" s="19"/>
      <c r="DR116" s="19"/>
      <c r="DS116" s="19"/>
      <c r="DT116" s="19"/>
      <c r="DU116" s="19"/>
      <c r="DV116" s="19"/>
      <c r="DW116" s="19"/>
      <c r="DX116" s="19"/>
      <c r="DY116" s="19"/>
      <c r="DZ116" s="19"/>
      <c r="EA116" s="19"/>
      <c r="EB116" s="19"/>
      <c r="EC116" s="19"/>
      <c r="ED116" s="19"/>
      <c r="EE116" s="19"/>
      <c r="EF116" s="19"/>
      <c r="EG116" s="19"/>
      <c r="EH116" s="19"/>
      <c r="EI116" s="19"/>
      <c r="EJ116" s="19"/>
      <c r="EK116" s="19"/>
      <c r="EL116" s="19"/>
      <c r="EM116" s="19"/>
      <c r="EN116" s="19"/>
      <c r="EO116" s="19"/>
      <c r="EP116" s="19"/>
      <c r="EQ116" s="19"/>
      <c r="ER116" s="19"/>
      <c r="ES116" s="19"/>
      <c r="ET116" s="19"/>
      <c r="EU116" s="14"/>
      <c r="EV116" s="14"/>
      <c r="EW116" s="14"/>
      <c r="EX116" s="14"/>
      <c r="EY116" s="14"/>
      <c r="EZ116" s="14"/>
      <c r="FA116" s="14"/>
      <c r="FB116" s="14"/>
      <c r="FC116" s="14"/>
    </row>
    <row r="117" spans="1:159" s="8" customFormat="1" ht="7.4" customHeight="1" x14ac:dyDescent="0.55000000000000004">
      <c r="A117" s="473"/>
      <c r="B117" s="474"/>
      <c r="C117" s="474"/>
      <c r="D117" s="474"/>
      <c r="E117" s="474"/>
      <c r="F117" s="475"/>
      <c r="G117" s="475"/>
      <c r="H117" s="475"/>
      <c r="I117" s="475"/>
      <c r="J117" s="475"/>
      <c r="K117" s="475"/>
      <c r="L117" s="475"/>
      <c r="M117" s="475"/>
      <c r="N117" s="475"/>
      <c r="O117" s="475"/>
      <c r="P117" s="475"/>
      <c r="Q117" s="475"/>
      <c r="R117" s="475"/>
      <c r="S117" s="475"/>
      <c r="T117" s="475"/>
      <c r="U117" s="475"/>
      <c r="V117" s="475"/>
      <c r="W117" s="475"/>
      <c r="X117" s="475"/>
      <c r="Y117" s="475"/>
      <c r="Z117" s="475"/>
      <c r="AA117" s="475"/>
      <c r="AB117" s="475"/>
      <c r="AC117" s="475"/>
      <c r="AD117" s="475"/>
      <c r="AE117" s="475"/>
      <c r="AF117" s="475"/>
      <c r="AG117" s="475"/>
      <c r="AH117" s="475"/>
      <c r="AI117" s="475"/>
      <c r="AJ117" s="475"/>
      <c r="AK117" s="475"/>
      <c r="AL117" s="475"/>
      <c r="AM117" s="475"/>
      <c r="AN117" s="475"/>
      <c r="AO117" s="475"/>
      <c r="AP117" s="475"/>
      <c r="AQ117" s="475"/>
      <c r="AR117" s="475"/>
      <c r="AS117" s="475"/>
      <c r="AT117" s="475"/>
      <c r="AU117" s="475"/>
      <c r="AV117" s="475"/>
      <c r="AW117" s="475"/>
      <c r="AX117" s="475"/>
      <c r="AY117" s="475"/>
      <c r="AZ117" s="475"/>
      <c r="BA117" s="475"/>
      <c r="BB117" s="475"/>
      <c r="BC117" s="475"/>
      <c r="BD117" s="475"/>
      <c r="BE117" s="475"/>
      <c r="BF117" s="475"/>
      <c r="BG117" s="475"/>
      <c r="BH117" s="475"/>
      <c r="BI117" s="475"/>
      <c r="BJ117" s="475"/>
      <c r="BK117" s="475"/>
      <c r="BL117" s="475"/>
      <c r="BM117" s="475"/>
      <c r="BN117" s="475"/>
      <c r="BO117" s="475"/>
      <c r="BP117" s="475"/>
      <c r="BQ117" s="475"/>
      <c r="BR117" s="475"/>
      <c r="BS117" s="475"/>
      <c r="BT117" s="475"/>
      <c r="BU117" s="475"/>
      <c r="BV117" s="475"/>
      <c r="BW117" s="475"/>
      <c r="BX117" s="475"/>
      <c r="BY117" s="475"/>
      <c r="BZ117" s="475"/>
      <c r="CA117" s="475"/>
      <c r="CB117" s="475"/>
      <c r="CC117" s="475"/>
      <c r="CD117" s="475"/>
      <c r="CE117" s="475"/>
      <c r="CF117" s="475"/>
      <c r="CG117" s="475"/>
      <c r="CH117" s="475"/>
      <c r="CI117" s="475"/>
      <c r="CJ117" s="475"/>
      <c r="CK117" s="475"/>
      <c r="CL117" s="475"/>
      <c r="CM117" s="475"/>
      <c r="CN117" s="475"/>
      <c r="CO117" s="475"/>
      <c r="CP117" s="475"/>
      <c r="CQ117" s="475"/>
      <c r="CR117" s="476"/>
      <c r="CS117" s="46"/>
      <c r="CT117" s="46"/>
      <c r="CU117" s="46"/>
      <c r="CV117" s="46"/>
      <c r="CW117" s="46"/>
      <c r="CX117" s="46"/>
      <c r="CY117" s="46"/>
      <c r="CZ117" s="46"/>
      <c r="DA117" s="46"/>
      <c r="DB117" s="46"/>
      <c r="DC117" s="46"/>
      <c r="DD117" s="46"/>
      <c r="DE117" s="46"/>
      <c r="DF117" s="46"/>
      <c r="DG117" s="46"/>
      <c r="DH117" s="46"/>
      <c r="DI117" s="46"/>
      <c r="DJ117" s="46"/>
      <c r="DK117" s="27"/>
      <c r="DL117" s="27"/>
      <c r="DM117" s="19"/>
      <c r="DN117" s="19"/>
      <c r="DO117" s="19"/>
      <c r="DP117" s="19"/>
      <c r="DQ117" s="19"/>
      <c r="DR117" s="19"/>
      <c r="DS117" s="19"/>
      <c r="DT117" s="19"/>
      <c r="DU117" s="19"/>
      <c r="DV117" s="19"/>
      <c r="DW117" s="19"/>
      <c r="DX117" s="19"/>
      <c r="DY117" s="19"/>
      <c r="DZ117" s="19"/>
      <c r="EA117" s="19"/>
      <c r="EB117" s="19"/>
      <c r="EC117" s="19"/>
      <c r="ED117" s="19"/>
      <c r="EE117" s="19"/>
      <c r="EF117" s="19"/>
      <c r="EG117" s="19"/>
      <c r="EH117" s="19"/>
      <c r="EI117" s="19"/>
      <c r="EJ117" s="19"/>
      <c r="EK117" s="19"/>
      <c r="EL117" s="19"/>
      <c r="EM117" s="19"/>
      <c r="EN117" s="19"/>
      <c r="EO117" s="19"/>
      <c r="EP117" s="19"/>
      <c r="EQ117" s="19"/>
      <c r="ER117" s="19"/>
      <c r="ES117" s="19"/>
      <c r="ET117" s="19"/>
    </row>
    <row r="118" spans="1:159" s="8" customFormat="1" ht="7.4" customHeight="1" x14ac:dyDescent="0.55000000000000004">
      <c r="A118" s="473"/>
      <c r="B118" s="474"/>
      <c r="C118" s="474"/>
      <c r="D118" s="474"/>
      <c r="E118" s="474"/>
      <c r="F118" s="475"/>
      <c r="G118" s="475"/>
      <c r="H118" s="475"/>
      <c r="I118" s="475"/>
      <c r="J118" s="475"/>
      <c r="K118" s="475"/>
      <c r="L118" s="475"/>
      <c r="M118" s="475"/>
      <c r="N118" s="475"/>
      <c r="O118" s="475"/>
      <c r="P118" s="475"/>
      <c r="Q118" s="475"/>
      <c r="R118" s="475"/>
      <c r="S118" s="475"/>
      <c r="T118" s="475"/>
      <c r="U118" s="475"/>
      <c r="V118" s="475"/>
      <c r="W118" s="475"/>
      <c r="X118" s="475"/>
      <c r="Y118" s="475"/>
      <c r="Z118" s="475"/>
      <c r="AA118" s="475"/>
      <c r="AB118" s="475"/>
      <c r="AC118" s="475"/>
      <c r="AD118" s="475"/>
      <c r="AE118" s="475"/>
      <c r="AF118" s="475"/>
      <c r="AG118" s="475"/>
      <c r="AH118" s="475"/>
      <c r="AI118" s="475"/>
      <c r="AJ118" s="475"/>
      <c r="AK118" s="475"/>
      <c r="AL118" s="475"/>
      <c r="AM118" s="475"/>
      <c r="AN118" s="475"/>
      <c r="AO118" s="475"/>
      <c r="AP118" s="475"/>
      <c r="AQ118" s="475"/>
      <c r="AR118" s="475"/>
      <c r="AS118" s="475"/>
      <c r="AT118" s="475"/>
      <c r="AU118" s="475"/>
      <c r="AV118" s="475"/>
      <c r="AW118" s="475"/>
      <c r="AX118" s="475"/>
      <c r="AY118" s="475"/>
      <c r="AZ118" s="475"/>
      <c r="BA118" s="475"/>
      <c r="BB118" s="475"/>
      <c r="BC118" s="475"/>
      <c r="BD118" s="475"/>
      <c r="BE118" s="475"/>
      <c r="BF118" s="475"/>
      <c r="BG118" s="475"/>
      <c r="BH118" s="475"/>
      <c r="BI118" s="475"/>
      <c r="BJ118" s="475"/>
      <c r="BK118" s="475"/>
      <c r="BL118" s="475"/>
      <c r="BM118" s="475"/>
      <c r="BN118" s="475"/>
      <c r="BO118" s="475"/>
      <c r="BP118" s="475"/>
      <c r="BQ118" s="475"/>
      <c r="BR118" s="475"/>
      <c r="BS118" s="475"/>
      <c r="BT118" s="475"/>
      <c r="BU118" s="475"/>
      <c r="BV118" s="475"/>
      <c r="BW118" s="475"/>
      <c r="BX118" s="475"/>
      <c r="BY118" s="475"/>
      <c r="BZ118" s="475"/>
      <c r="CA118" s="475"/>
      <c r="CB118" s="475"/>
      <c r="CC118" s="475"/>
      <c r="CD118" s="475"/>
      <c r="CE118" s="475"/>
      <c r="CF118" s="475"/>
      <c r="CG118" s="475"/>
      <c r="CH118" s="475"/>
      <c r="CI118" s="475"/>
      <c r="CJ118" s="475"/>
      <c r="CK118" s="475"/>
      <c r="CL118" s="475"/>
      <c r="CM118" s="475"/>
      <c r="CN118" s="475"/>
      <c r="CO118" s="475"/>
      <c r="CP118" s="475"/>
      <c r="CQ118" s="475"/>
      <c r="CR118" s="476"/>
      <c r="CS118" s="46"/>
      <c r="CT118" s="46"/>
      <c r="CU118" s="46"/>
      <c r="CV118" s="46"/>
      <c r="CW118" s="46"/>
      <c r="CX118" s="46"/>
      <c r="CY118" s="46"/>
      <c r="CZ118" s="46"/>
      <c r="DA118" s="46"/>
      <c r="DB118" s="46"/>
      <c r="DC118" s="46"/>
      <c r="DD118" s="46"/>
      <c r="DE118" s="46"/>
      <c r="DF118" s="46"/>
      <c r="DG118" s="46"/>
      <c r="DH118" s="46"/>
      <c r="DI118" s="46"/>
      <c r="DJ118" s="46"/>
      <c r="DK118" s="27"/>
      <c r="DL118" s="27"/>
      <c r="DM118" s="19"/>
      <c r="DN118" s="19"/>
      <c r="DO118" s="19"/>
      <c r="DP118" s="19"/>
      <c r="DQ118" s="19"/>
      <c r="DR118" s="19"/>
      <c r="DS118" s="19"/>
      <c r="DT118" s="19"/>
      <c r="DU118" s="19"/>
      <c r="DV118" s="19"/>
      <c r="DW118" s="19"/>
      <c r="DX118" s="19"/>
      <c r="DY118" s="19"/>
      <c r="DZ118" s="19"/>
      <c r="EA118" s="19"/>
      <c r="EB118" s="19"/>
      <c r="EC118" s="19"/>
      <c r="ED118" s="19"/>
      <c r="EE118" s="19"/>
      <c r="EF118" s="19"/>
      <c r="EG118" s="19"/>
      <c r="EH118" s="19"/>
      <c r="EI118" s="19"/>
      <c r="EJ118" s="19"/>
      <c r="EK118" s="19"/>
      <c r="EL118" s="19"/>
      <c r="EM118" s="19"/>
      <c r="EN118" s="19"/>
      <c r="EO118" s="19"/>
      <c r="EP118" s="19"/>
      <c r="EQ118" s="19"/>
      <c r="ER118" s="19"/>
      <c r="ES118" s="19"/>
      <c r="ET118" s="19"/>
    </row>
    <row r="119" spans="1:159" s="8" customFormat="1" ht="7.5" customHeight="1" x14ac:dyDescent="0.55000000000000004">
      <c r="A119" s="473"/>
      <c r="B119" s="474"/>
      <c r="C119" s="474"/>
      <c r="D119" s="474"/>
      <c r="E119" s="474"/>
      <c r="F119" s="475"/>
      <c r="G119" s="475"/>
      <c r="H119" s="475"/>
      <c r="I119" s="475"/>
      <c r="J119" s="475"/>
      <c r="K119" s="475"/>
      <c r="L119" s="475"/>
      <c r="M119" s="475"/>
      <c r="N119" s="475"/>
      <c r="O119" s="475"/>
      <c r="P119" s="475"/>
      <c r="Q119" s="475"/>
      <c r="R119" s="475"/>
      <c r="S119" s="475"/>
      <c r="T119" s="475"/>
      <c r="U119" s="475"/>
      <c r="V119" s="475"/>
      <c r="W119" s="475"/>
      <c r="X119" s="475"/>
      <c r="Y119" s="475"/>
      <c r="Z119" s="475"/>
      <c r="AA119" s="475"/>
      <c r="AB119" s="475"/>
      <c r="AC119" s="475"/>
      <c r="AD119" s="475"/>
      <c r="AE119" s="475"/>
      <c r="AF119" s="475"/>
      <c r="AG119" s="475"/>
      <c r="AH119" s="475"/>
      <c r="AI119" s="475"/>
      <c r="AJ119" s="475"/>
      <c r="AK119" s="475"/>
      <c r="AL119" s="475"/>
      <c r="AM119" s="475"/>
      <c r="AN119" s="475"/>
      <c r="AO119" s="475"/>
      <c r="AP119" s="475"/>
      <c r="AQ119" s="475"/>
      <c r="AR119" s="475"/>
      <c r="AS119" s="475"/>
      <c r="AT119" s="475"/>
      <c r="AU119" s="475"/>
      <c r="AV119" s="475"/>
      <c r="AW119" s="475"/>
      <c r="AX119" s="475"/>
      <c r="AY119" s="475"/>
      <c r="AZ119" s="475"/>
      <c r="BA119" s="475"/>
      <c r="BB119" s="475"/>
      <c r="BC119" s="475"/>
      <c r="BD119" s="475"/>
      <c r="BE119" s="475"/>
      <c r="BF119" s="475"/>
      <c r="BG119" s="475"/>
      <c r="BH119" s="475"/>
      <c r="BI119" s="475"/>
      <c r="BJ119" s="475"/>
      <c r="BK119" s="475"/>
      <c r="BL119" s="475"/>
      <c r="BM119" s="475"/>
      <c r="BN119" s="475"/>
      <c r="BO119" s="475"/>
      <c r="BP119" s="475"/>
      <c r="BQ119" s="475"/>
      <c r="BR119" s="475"/>
      <c r="BS119" s="475"/>
      <c r="BT119" s="475"/>
      <c r="BU119" s="475"/>
      <c r="BV119" s="475"/>
      <c r="BW119" s="475"/>
      <c r="BX119" s="475"/>
      <c r="BY119" s="475"/>
      <c r="BZ119" s="475"/>
      <c r="CA119" s="475"/>
      <c r="CB119" s="475"/>
      <c r="CC119" s="475"/>
      <c r="CD119" s="475"/>
      <c r="CE119" s="475"/>
      <c r="CF119" s="475"/>
      <c r="CG119" s="475"/>
      <c r="CH119" s="475"/>
      <c r="CI119" s="475"/>
      <c r="CJ119" s="475"/>
      <c r="CK119" s="475"/>
      <c r="CL119" s="475"/>
      <c r="CM119" s="475"/>
      <c r="CN119" s="475"/>
      <c r="CO119" s="475"/>
      <c r="CP119" s="475"/>
      <c r="CQ119" s="475"/>
      <c r="CR119" s="476"/>
      <c r="CS119" s="46"/>
      <c r="CT119" s="46"/>
      <c r="CU119" s="46"/>
      <c r="CV119" s="46"/>
      <c r="CW119" s="46"/>
      <c r="CX119" s="46"/>
      <c r="CY119" s="46"/>
      <c r="CZ119" s="46"/>
      <c r="DA119" s="46"/>
      <c r="DB119" s="46"/>
      <c r="DC119" s="46"/>
      <c r="DD119" s="46"/>
      <c r="DE119" s="46"/>
      <c r="DF119" s="46"/>
      <c r="DG119" s="46"/>
      <c r="DH119" s="46"/>
      <c r="DI119" s="46"/>
      <c r="DJ119" s="46"/>
      <c r="DK119" s="27"/>
      <c r="DL119" s="27"/>
      <c r="DM119" s="19"/>
      <c r="DN119" s="19"/>
      <c r="DO119" s="19"/>
      <c r="DP119" s="19"/>
      <c r="DQ119" s="19"/>
      <c r="DR119" s="19"/>
      <c r="DS119" s="19"/>
      <c r="DT119" s="19"/>
      <c r="DU119" s="19"/>
      <c r="DV119" s="19"/>
      <c r="DW119" s="19"/>
      <c r="DX119" s="19"/>
      <c r="DY119" s="19"/>
      <c r="DZ119" s="19"/>
      <c r="EA119" s="19"/>
      <c r="EB119" s="19"/>
      <c r="EC119" s="19"/>
      <c r="ED119" s="19"/>
      <c r="EE119" s="19"/>
      <c r="EF119" s="19"/>
      <c r="EG119" s="19"/>
      <c r="EH119" s="19"/>
      <c r="EI119" s="19"/>
      <c r="EJ119" s="19"/>
      <c r="EK119" s="19"/>
      <c r="EL119" s="19"/>
      <c r="EM119" s="19"/>
      <c r="EN119" s="19"/>
      <c r="EO119" s="19"/>
      <c r="EP119" s="19"/>
      <c r="EQ119" s="19"/>
      <c r="ER119" s="19"/>
      <c r="ES119" s="19"/>
      <c r="ET119" s="19"/>
    </row>
    <row r="120" spans="1:159" s="8" customFormat="1" ht="7.5" customHeight="1" x14ac:dyDescent="0.55000000000000004">
      <c r="A120" s="473"/>
      <c r="B120" s="474"/>
      <c r="C120" s="474"/>
      <c r="D120" s="474"/>
      <c r="E120" s="474"/>
      <c r="F120" s="475" t="s">
        <v>136</v>
      </c>
      <c r="G120" s="475"/>
      <c r="H120" s="475"/>
      <c r="I120" s="475"/>
      <c r="J120" s="475"/>
      <c r="K120" s="475"/>
      <c r="L120" s="475"/>
      <c r="M120" s="475"/>
      <c r="N120" s="475"/>
      <c r="O120" s="475"/>
      <c r="P120" s="475"/>
      <c r="Q120" s="475"/>
      <c r="R120" s="475"/>
      <c r="S120" s="475"/>
      <c r="T120" s="475"/>
      <c r="U120" s="475"/>
      <c r="V120" s="475"/>
      <c r="W120" s="475"/>
      <c r="X120" s="475"/>
      <c r="Y120" s="475"/>
      <c r="Z120" s="475"/>
      <c r="AA120" s="475"/>
      <c r="AB120" s="475"/>
      <c r="AC120" s="475"/>
      <c r="AD120" s="475"/>
      <c r="AE120" s="475"/>
      <c r="AF120" s="475"/>
      <c r="AG120" s="475"/>
      <c r="AH120" s="475"/>
      <c r="AI120" s="475"/>
      <c r="AJ120" s="475"/>
      <c r="AK120" s="475"/>
      <c r="AL120" s="475"/>
      <c r="AM120" s="475"/>
      <c r="AN120" s="475"/>
      <c r="AO120" s="475"/>
      <c r="AP120" s="475"/>
      <c r="AQ120" s="475"/>
      <c r="AR120" s="475"/>
      <c r="AS120" s="475"/>
      <c r="AT120" s="475"/>
      <c r="AU120" s="475"/>
      <c r="AV120" s="475"/>
      <c r="AW120" s="475"/>
      <c r="AX120" s="475"/>
      <c r="AY120" s="475"/>
      <c r="AZ120" s="475"/>
      <c r="BA120" s="475"/>
      <c r="BB120" s="475"/>
      <c r="BC120" s="475"/>
      <c r="BD120" s="475"/>
      <c r="BE120" s="475"/>
      <c r="BF120" s="475"/>
      <c r="BG120" s="475"/>
      <c r="BH120" s="475"/>
      <c r="BI120" s="475"/>
      <c r="BJ120" s="475"/>
      <c r="BK120" s="475"/>
      <c r="BL120" s="475"/>
      <c r="BM120" s="475"/>
      <c r="BN120" s="475"/>
      <c r="BO120" s="475"/>
      <c r="BP120" s="475"/>
      <c r="BQ120" s="475"/>
      <c r="BR120" s="475"/>
      <c r="BS120" s="475"/>
      <c r="BT120" s="475"/>
      <c r="BU120" s="475"/>
      <c r="BV120" s="475"/>
      <c r="BW120" s="475"/>
      <c r="BX120" s="475"/>
      <c r="BY120" s="475"/>
      <c r="BZ120" s="475"/>
      <c r="CA120" s="475"/>
      <c r="CB120" s="475"/>
      <c r="CC120" s="475"/>
      <c r="CD120" s="475"/>
      <c r="CE120" s="475"/>
      <c r="CF120" s="475"/>
      <c r="CG120" s="475"/>
      <c r="CH120" s="475"/>
      <c r="CI120" s="475"/>
      <c r="CJ120" s="475"/>
      <c r="CK120" s="475"/>
      <c r="CL120" s="475"/>
      <c r="CM120" s="475"/>
      <c r="CN120" s="475"/>
      <c r="CO120" s="475"/>
      <c r="CP120" s="475"/>
      <c r="CQ120" s="475"/>
      <c r="CR120" s="476"/>
      <c r="CS120" s="46"/>
      <c r="CT120" s="46"/>
      <c r="CU120" s="46"/>
      <c r="CV120" s="46"/>
      <c r="CW120" s="46"/>
      <c r="CX120" s="46"/>
      <c r="CY120" s="46"/>
      <c r="CZ120" s="46"/>
      <c r="DA120" s="46"/>
    </row>
    <row r="121" spans="1:159" s="8" customFormat="1" ht="7.5" customHeight="1" x14ac:dyDescent="0.55000000000000004">
      <c r="A121" s="473"/>
      <c r="B121" s="474"/>
      <c r="C121" s="474"/>
      <c r="D121" s="474"/>
      <c r="E121" s="474"/>
      <c r="F121" s="475"/>
      <c r="G121" s="475"/>
      <c r="H121" s="475"/>
      <c r="I121" s="475"/>
      <c r="J121" s="475"/>
      <c r="K121" s="475"/>
      <c r="L121" s="475"/>
      <c r="M121" s="475"/>
      <c r="N121" s="475"/>
      <c r="O121" s="475"/>
      <c r="P121" s="475"/>
      <c r="Q121" s="475"/>
      <c r="R121" s="475"/>
      <c r="S121" s="475"/>
      <c r="T121" s="475"/>
      <c r="U121" s="475"/>
      <c r="V121" s="475"/>
      <c r="W121" s="475"/>
      <c r="X121" s="475"/>
      <c r="Y121" s="475"/>
      <c r="Z121" s="475"/>
      <c r="AA121" s="475"/>
      <c r="AB121" s="475"/>
      <c r="AC121" s="475"/>
      <c r="AD121" s="475"/>
      <c r="AE121" s="475"/>
      <c r="AF121" s="475"/>
      <c r="AG121" s="475"/>
      <c r="AH121" s="475"/>
      <c r="AI121" s="475"/>
      <c r="AJ121" s="475"/>
      <c r="AK121" s="475"/>
      <c r="AL121" s="475"/>
      <c r="AM121" s="475"/>
      <c r="AN121" s="475"/>
      <c r="AO121" s="475"/>
      <c r="AP121" s="475"/>
      <c r="AQ121" s="475"/>
      <c r="AR121" s="475"/>
      <c r="AS121" s="475"/>
      <c r="AT121" s="475"/>
      <c r="AU121" s="475"/>
      <c r="AV121" s="475"/>
      <c r="AW121" s="475"/>
      <c r="AX121" s="475"/>
      <c r="AY121" s="475"/>
      <c r="AZ121" s="475"/>
      <c r="BA121" s="475"/>
      <c r="BB121" s="475"/>
      <c r="BC121" s="475"/>
      <c r="BD121" s="475"/>
      <c r="BE121" s="475"/>
      <c r="BF121" s="475"/>
      <c r="BG121" s="475"/>
      <c r="BH121" s="475"/>
      <c r="BI121" s="475"/>
      <c r="BJ121" s="475"/>
      <c r="BK121" s="475"/>
      <c r="BL121" s="475"/>
      <c r="BM121" s="475"/>
      <c r="BN121" s="475"/>
      <c r="BO121" s="475"/>
      <c r="BP121" s="475"/>
      <c r="BQ121" s="475"/>
      <c r="BR121" s="475"/>
      <c r="BS121" s="475"/>
      <c r="BT121" s="475"/>
      <c r="BU121" s="475"/>
      <c r="BV121" s="475"/>
      <c r="BW121" s="475"/>
      <c r="BX121" s="475"/>
      <c r="BY121" s="475"/>
      <c r="BZ121" s="475"/>
      <c r="CA121" s="475"/>
      <c r="CB121" s="475"/>
      <c r="CC121" s="475"/>
      <c r="CD121" s="475"/>
      <c r="CE121" s="475"/>
      <c r="CF121" s="475"/>
      <c r="CG121" s="475"/>
      <c r="CH121" s="475"/>
      <c r="CI121" s="475"/>
      <c r="CJ121" s="475"/>
      <c r="CK121" s="475"/>
      <c r="CL121" s="475"/>
      <c r="CM121" s="475"/>
      <c r="CN121" s="475"/>
      <c r="CO121" s="475"/>
      <c r="CP121" s="475"/>
      <c r="CQ121" s="475"/>
      <c r="CR121" s="476"/>
      <c r="CS121" s="46"/>
      <c r="CT121" s="46"/>
      <c r="CU121" s="46"/>
      <c r="CV121" s="46"/>
      <c r="CW121" s="46"/>
      <c r="CX121" s="46"/>
      <c r="CY121" s="46"/>
      <c r="CZ121" s="46"/>
      <c r="DA121" s="46"/>
    </row>
    <row r="122" spans="1:159" s="8" customFormat="1" ht="7.5" customHeight="1" x14ac:dyDescent="0.55000000000000004">
      <c r="A122" s="473"/>
      <c r="B122" s="474"/>
      <c r="C122" s="474"/>
      <c r="D122" s="474"/>
      <c r="E122" s="474"/>
      <c r="F122" s="475"/>
      <c r="G122" s="475"/>
      <c r="H122" s="475"/>
      <c r="I122" s="475"/>
      <c r="J122" s="475"/>
      <c r="K122" s="475"/>
      <c r="L122" s="475"/>
      <c r="M122" s="475"/>
      <c r="N122" s="475"/>
      <c r="O122" s="475"/>
      <c r="P122" s="475"/>
      <c r="Q122" s="475"/>
      <c r="R122" s="475"/>
      <c r="S122" s="475"/>
      <c r="T122" s="475"/>
      <c r="U122" s="475"/>
      <c r="V122" s="475"/>
      <c r="W122" s="475"/>
      <c r="X122" s="475"/>
      <c r="Y122" s="475"/>
      <c r="Z122" s="475"/>
      <c r="AA122" s="475"/>
      <c r="AB122" s="475"/>
      <c r="AC122" s="475"/>
      <c r="AD122" s="475"/>
      <c r="AE122" s="475"/>
      <c r="AF122" s="475"/>
      <c r="AG122" s="475"/>
      <c r="AH122" s="475"/>
      <c r="AI122" s="475"/>
      <c r="AJ122" s="475"/>
      <c r="AK122" s="475"/>
      <c r="AL122" s="475"/>
      <c r="AM122" s="475"/>
      <c r="AN122" s="475"/>
      <c r="AO122" s="475"/>
      <c r="AP122" s="475"/>
      <c r="AQ122" s="475"/>
      <c r="AR122" s="475"/>
      <c r="AS122" s="475"/>
      <c r="AT122" s="475"/>
      <c r="AU122" s="475"/>
      <c r="AV122" s="475"/>
      <c r="AW122" s="475"/>
      <c r="AX122" s="475"/>
      <c r="AY122" s="475"/>
      <c r="AZ122" s="475"/>
      <c r="BA122" s="475"/>
      <c r="BB122" s="475"/>
      <c r="BC122" s="475"/>
      <c r="BD122" s="475"/>
      <c r="BE122" s="475"/>
      <c r="BF122" s="475"/>
      <c r="BG122" s="475"/>
      <c r="BH122" s="475"/>
      <c r="BI122" s="475"/>
      <c r="BJ122" s="475"/>
      <c r="BK122" s="475"/>
      <c r="BL122" s="475"/>
      <c r="BM122" s="475"/>
      <c r="BN122" s="475"/>
      <c r="BO122" s="475"/>
      <c r="BP122" s="475"/>
      <c r="BQ122" s="475"/>
      <c r="BR122" s="475"/>
      <c r="BS122" s="475"/>
      <c r="BT122" s="475"/>
      <c r="BU122" s="475"/>
      <c r="BV122" s="475"/>
      <c r="BW122" s="475"/>
      <c r="BX122" s="475"/>
      <c r="BY122" s="475"/>
      <c r="BZ122" s="475"/>
      <c r="CA122" s="475"/>
      <c r="CB122" s="475"/>
      <c r="CC122" s="475"/>
      <c r="CD122" s="475"/>
      <c r="CE122" s="475"/>
      <c r="CF122" s="475"/>
      <c r="CG122" s="475"/>
      <c r="CH122" s="475"/>
      <c r="CI122" s="475"/>
      <c r="CJ122" s="475"/>
      <c r="CK122" s="475"/>
      <c r="CL122" s="475"/>
      <c r="CM122" s="475"/>
      <c r="CN122" s="475"/>
      <c r="CO122" s="475"/>
      <c r="CP122" s="475"/>
      <c r="CQ122" s="475"/>
      <c r="CR122" s="476"/>
      <c r="CS122" s="46"/>
      <c r="CT122" s="46"/>
      <c r="CU122" s="46"/>
      <c r="CV122" s="46"/>
      <c r="CW122" s="46"/>
      <c r="CX122" s="46"/>
      <c r="CY122" s="46"/>
      <c r="CZ122" s="46"/>
      <c r="DA122" s="46"/>
    </row>
    <row r="123" spans="1:159" s="8" customFormat="1" ht="7.5" customHeight="1" x14ac:dyDescent="0.55000000000000004">
      <c r="A123" s="473"/>
      <c r="B123" s="474"/>
      <c r="C123" s="474"/>
      <c r="D123" s="474"/>
      <c r="E123" s="474"/>
      <c r="F123" s="475"/>
      <c r="G123" s="475"/>
      <c r="H123" s="475"/>
      <c r="I123" s="475"/>
      <c r="J123" s="475"/>
      <c r="K123" s="475"/>
      <c r="L123" s="475"/>
      <c r="M123" s="475"/>
      <c r="N123" s="475"/>
      <c r="O123" s="475"/>
      <c r="P123" s="475"/>
      <c r="Q123" s="475"/>
      <c r="R123" s="475"/>
      <c r="S123" s="475"/>
      <c r="T123" s="475"/>
      <c r="U123" s="475"/>
      <c r="V123" s="475"/>
      <c r="W123" s="475"/>
      <c r="X123" s="475"/>
      <c r="Y123" s="475"/>
      <c r="Z123" s="475"/>
      <c r="AA123" s="475"/>
      <c r="AB123" s="475"/>
      <c r="AC123" s="475"/>
      <c r="AD123" s="475"/>
      <c r="AE123" s="475"/>
      <c r="AF123" s="475"/>
      <c r="AG123" s="475"/>
      <c r="AH123" s="475"/>
      <c r="AI123" s="475"/>
      <c r="AJ123" s="475"/>
      <c r="AK123" s="475"/>
      <c r="AL123" s="475"/>
      <c r="AM123" s="475"/>
      <c r="AN123" s="475"/>
      <c r="AO123" s="475"/>
      <c r="AP123" s="475"/>
      <c r="AQ123" s="475"/>
      <c r="AR123" s="475"/>
      <c r="AS123" s="475"/>
      <c r="AT123" s="475"/>
      <c r="AU123" s="475"/>
      <c r="AV123" s="475"/>
      <c r="AW123" s="475"/>
      <c r="AX123" s="475"/>
      <c r="AY123" s="475"/>
      <c r="AZ123" s="475"/>
      <c r="BA123" s="475"/>
      <c r="BB123" s="475"/>
      <c r="BC123" s="475"/>
      <c r="BD123" s="475"/>
      <c r="BE123" s="475"/>
      <c r="BF123" s="475"/>
      <c r="BG123" s="475"/>
      <c r="BH123" s="475"/>
      <c r="BI123" s="475"/>
      <c r="BJ123" s="475"/>
      <c r="BK123" s="475"/>
      <c r="BL123" s="475"/>
      <c r="BM123" s="475"/>
      <c r="BN123" s="475"/>
      <c r="BO123" s="475"/>
      <c r="BP123" s="475"/>
      <c r="BQ123" s="475"/>
      <c r="BR123" s="475"/>
      <c r="BS123" s="475"/>
      <c r="BT123" s="475"/>
      <c r="BU123" s="475"/>
      <c r="BV123" s="475"/>
      <c r="BW123" s="475"/>
      <c r="BX123" s="475"/>
      <c r="BY123" s="475"/>
      <c r="BZ123" s="475"/>
      <c r="CA123" s="475"/>
      <c r="CB123" s="475"/>
      <c r="CC123" s="475"/>
      <c r="CD123" s="475"/>
      <c r="CE123" s="475"/>
      <c r="CF123" s="475"/>
      <c r="CG123" s="475"/>
      <c r="CH123" s="475"/>
      <c r="CI123" s="475"/>
      <c r="CJ123" s="475"/>
      <c r="CK123" s="475"/>
      <c r="CL123" s="475"/>
      <c r="CM123" s="475"/>
      <c r="CN123" s="475"/>
      <c r="CO123" s="475"/>
      <c r="CP123" s="475"/>
      <c r="CQ123" s="475"/>
      <c r="CR123" s="476"/>
      <c r="CS123" s="46"/>
      <c r="CT123" s="46"/>
      <c r="CU123" s="46"/>
      <c r="CV123" s="46"/>
      <c r="CW123" s="46"/>
      <c r="CX123" s="46"/>
      <c r="CY123" s="46"/>
      <c r="CZ123" s="46"/>
      <c r="DA123" s="46"/>
    </row>
    <row r="124" spans="1:159" s="8" customFormat="1" ht="7.5" customHeight="1" x14ac:dyDescent="0.55000000000000004">
      <c r="A124" s="473"/>
      <c r="B124" s="474"/>
      <c r="C124" s="474"/>
      <c r="D124" s="474"/>
      <c r="E124" s="474"/>
      <c r="F124" s="475" t="s">
        <v>137</v>
      </c>
      <c r="G124" s="475"/>
      <c r="H124" s="475"/>
      <c r="I124" s="475"/>
      <c r="J124" s="475"/>
      <c r="K124" s="475"/>
      <c r="L124" s="475"/>
      <c r="M124" s="475"/>
      <c r="N124" s="475"/>
      <c r="O124" s="475"/>
      <c r="P124" s="475"/>
      <c r="Q124" s="475"/>
      <c r="R124" s="475"/>
      <c r="S124" s="475"/>
      <c r="T124" s="475"/>
      <c r="U124" s="475"/>
      <c r="V124" s="475"/>
      <c r="W124" s="475"/>
      <c r="X124" s="475"/>
      <c r="Y124" s="475"/>
      <c r="Z124" s="475"/>
      <c r="AA124" s="475"/>
      <c r="AB124" s="475"/>
      <c r="AC124" s="475"/>
      <c r="AD124" s="475"/>
      <c r="AE124" s="475"/>
      <c r="AF124" s="475"/>
      <c r="AG124" s="475"/>
      <c r="AH124" s="475"/>
      <c r="AI124" s="475"/>
      <c r="AJ124" s="475"/>
      <c r="AK124" s="475"/>
      <c r="AL124" s="475"/>
      <c r="AM124" s="475"/>
      <c r="AN124" s="475"/>
      <c r="AO124" s="475"/>
      <c r="AP124" s="475"/>
      <c r="AQ124" s="475"/>
      <c r="AR124" s="475"/>
      <c r="AS124" s="475"/>
      <c r="AT124" s="475"/>
      <c r="AU124" s="475"/>
      <c r="AV124" s="475"/>
      <c r="AW124" s="475"/>
      <c r="AX124" s="475"/>
      <c r="AY124" s="475"/>
      <c r="AZ124" s="475"/>
      <c r="BA124" s="475"/>
      <c r="BB124" s="475"/>
      <c r="BC124" s="475"/>
      <c r="BD124" s="475"/>
      <c r="BE124" s="475"/>
      <c r="BF124" s="475"/>
      <c r="BG124" s="475"/>
      <c r="BH124" s="475"/>
      <c r="BI124" s="475"/>
      <c r="BJ124" s="475"/>
      <c r="BK124" s="475"/>
      <c r="BL124" s="475"/>
      <c r="BM124" s="475"/>
      <c r="BN124" s="475"/>
      <c r="BO124" s="475"/>
      <c r="BP124" s="475"/>
      <c r="BQ124" s="475"/>
      <c r="BR124" s="475"/>
      <c r="BS124" s="475"/>
      <c r="BT124" s="475"/>
      <c r="BU124" s="475"/>
      <c r="BV124" s="475"/>
      <c r="BW124" s="475"/>
      <c r="BX124" s="475"/>
      <c r="BY124" s="475"/>
      <c r="BZ124" s="475"/>
      <c r="CA124" s="475"/>
      <c r="CB124" s="475"/>
      <c r="CC124" s="475"/>
      <c r="CD124" s="475"/>
      <c r="CE124" s="475"/>
      <c r="CF124" s="475"/>
      <c r="CG124" s="475"/>
      <c r="CH124" s="475"/>
      <c r="CI124" s="475"/>
      <c r="CJ124" s="475"/>
      <c r="CK124" s="475"/>
      <c r="CL124" s="475"/>
      <c r="CM124" s="475"/>
      <c r="CN124" s="475"/>
      <c r="CO124" s="475"/>
      <c r="CP124" s="475"/>
      <c r="CQ124" s="475"/>
      <c r="CR124" s="476"/>
    </row>
    <row r="125" spans="1:159" s="8" customFormat="1" ht="7.5" customHeight="1" x14ac:dyDescent="0.55000000000000004">
      <c r="A125" s="473"/>
      <c r="B125" s="474"/>
      <c r="C125" s="474"/>
      <c r="D125" s="474"/>
      <c r="E125" s="474"/>
      <c r="F125" s="475"/>
      <c r="G125" s="475"/>
      <c r="H125" s="475"/>
      <c r="I125" s="475"/>
      <c r="J125" s="475"/>
      <c r="K125" s="475"/>
      <c r="L125" s="475"/>
      <c r="M125" s="475"/>
      <c r="N125" s="475"/>
      <c r="O125" s="475"/>
      <c r="P125" s="475"/>
      <c r="Q125" s="475"/>
      <c r="R125" s="475"/>
      <c r="S125" s="475"/>
      <c r="T125" s="475"/>
      <c r="U125" s="475"/>
      <c r="V125" s="475"/>
      <c r="W125" s="475"/>
      <c r="X125" s="475"/>
      <c r="Y125" s="475"/>
      <c r="Z125" s="475"/>
      <c r="AA125" s="475"/>
      <c r="AB125" s="475"/>
      <c r="AC125" s="475"/>
      <c r="AD125" s="475"/>
      <c r="AE125" s="475"/>
      <c r="AF125" s="475"/>
      <c r="AG125" s="475"/>
      <c r="AH125" s="475"/>
      <c r="AI125" s="475"/>
      <c r="AJ125" s="475"/>
      <c r="AK125" s="475"/>
      <c r="AL125" s="475"/>
      <c r="AM125" s="475"/>
      <c r="AN125" s="475"/>
      <c r="AO125" s="475"/>
      <c r="AP125" s="475"/>
      <c r="AQ125" s="475"/>
      <c r="AR125" s="475"/>
      <c r="AS125" s="475"/>
      <c r="AT125" s="475"/>
      <c r="AU125" s="475"/>
      <c r="AV125" s="475"/>
      <c r="AW125" s="475"/>
      <c r="AX125" s="475"/>
      <c r="AY125" s="475"/>
      <c r="AZ125" s="475"/>
      <c r="BA125" s="475"/>
      <c r="BB125" s="475"/>
      <c r="BC125" s="475"/>
      <c r="BD125" s="475"/>
      <c r="BE125" s="475"/>
      <c r="BF125" s="475"/>
      <c r="BG125" s="475"/>
      <c r="BH125" s="475"/>
      <c r="BI125" s="475"/>
      <c r="BJ125" s="475"/>
      <c r="BK125" s="475"/>
      <c r="BL125" s="475"/>
      <c r="BM125" s="475"/>
      <c r="BN125" s="475"/>
      <c r="BO125" s="475"/>
      <c r="BP125" s="475"/>
      <c r="BQ125" s="475"/>
      <c r="BR125" s="475"/>
      <c r="BS125" s="475"/>
      <c r="BT125" s="475"/>
      <c r="BU125" s="475"/>
      <c r="BV125" s="475"/>
      <c r="BW125" s="475"/>
      <c r="BX125" s="475"/>
      <c r="BY125" s="475"/>
      <c r="BZ125" s="475"/>
      <c r="CA125" s="475"/>
      <c r="CB125" s="475"/>
      <c r="CC125" s="475"/>
      <c r="CD125" s="475"/>
      <c r="CE125" s="475"/>
      <c r="CF125" s="475"/>
      <c r="CG125" s="475"/>
      <c r="CH125" s="475"/>
      <c r="CI125" s="475"/>
      <c r="CJ125" s="475"/>
      <c r="CK125" s="475"/>
      <c r="CL125" s="475"/>
      <c r="CM125" s="475"/>
      <c r="CN125" s="475"/>
      <c r="CO125" s="475"/>
      <c r="CP125" s="475"/>
      <c r="CQ125" s="475"/>
      <c r="CR125" s="476"/>
    </row>
    <row r="126" spans="1:159" s="8" customFormat="1" ht="7.5" customHeight="1" x14ac:dyDescent="0.55000000000000004">
      <c r="A126" s="473"/>
      <c r="B126" s="474"/>
      <c r="C126" s="474"/>
      <c r="D126" s="474"/>
      <c r="E126" s="474"/>
      <c r="F126" s="475"/>
      <c r="G126" s="475"/>
      <c r="H126" s="475"/>
      <c r="I126" s="475"/>
      <c r="J126" s="475"/>
      <c r="K126" s="475"/>
      <c r="L126" s="475"/>
      <c r="M126" s="475"/>
      <c r="N126" s="475"/>
      <c r="O126" s="475"/>
      <c r="P126" s="475"/>
      <c r="Q126" s="475"/>
      <c r="R126" s="475"/>
      <c r="S126" s="475"/>
      <c r="T126" s="475"/>
      <c r="U126" s="475"/>
      <c r="V126" s="475"/>
      <c r="W126" s="475"/>
      <c r="X126" s="475"/>
      <c r="Y126" s="475"/>
      <c r="Z126" s="475"/>
      <c r="AA126" s="475"/>
      <c r="AB126" s="475"/>
      <c r="AC126" s="475"/>
      <c r="AD126" s="475"/>
      <c r="AE126" s="475"/>
      <c r="AF126" s="475"/>
      <c r="AG126" s="475"/>
      <c r="AH126" s="475"/>
      <c r="AI126" s="475"/>
      <c r="AJ126" s="475"/>
      <c r="AK126" s="475"/>
      <c r="AL126" s="475"/>
      <c r="AM126" s="475"/>
      <c r="AN126" s="475"/>
      <c r="AO126" s="475"/>
      <c r="AP126" s="475"/>
      <c r="AQ126" s="475"/>
      <c r="AR126" s="475"/>
      <c r="AS126" s="475"/>
      <c r="AT126" s="475"/>
      <c r="AU126" s="475"/>
      <c r="AV126" s="475"/>
      <c r="AW126" s="475"/>
      <c r="AX126" s="475"/>
      <c r="AY126" s="475"/>
      <c r="AZ126" s="475"/>
      <c r="BA126" s="475"/>
      <c r="BB126" s="475"/>
      <c r="BC126" s="475"/>
      <c r="BD126" s="475"/>
      <c r="BE126" s="475"/>
      <c r="BF126" s="475"/>
      <c r="BG126" s="475"/>
      <c r="BH126" s="475"/>
      <c r="BI126" s="475"/>
      <c r="BJ126" s="475"/>
      <c r="BK126" s="475"/>
      <c r="BL126" s="475"/>
      <c r="BM126" s="475"/>
      <c r="BN126" s="475"/>
      <c r="BO126" s="475"/>
      <c r="BP126" s="475"/>
      <c r="BQ126" s="475"/>
      <c r="BR126" s="475"/>
      <c r="BS126" s="475"/>
      <c r="BT126" s="475"/>
      <c r="BU126" s="475"/>
      <c r="BV126" s="475"/>
      <c r="BW126" s="475"/>
      <c r="BX126" s="475"/>
      <c r="BY126" s="475"/>
      <c r="BZ126" s="475"/>
      <c r="CA126" s="475"/>
      <c r="CB126" s="475"/>
      <c r="CC126" s="475"/>
      <c r="CD126" s="475"/>
      <c r="CE126" s="475"/>
      <c r="CF126" s="475"/>
      <c r="CG126" s="475"/>
      <c r="CH126" s="475"/>
      <c r="CI126" s="475"/>
      <c r="CJ126" s="475"/>
      <c r="CK126" s="475"/>
      <c r="CL126" s="475"/>
      <c r="CM126" s="475"/>
      <c r="CN126" s="475"/>
      <c r="CO126" s="475"/>
      <c r="CP126" s="475"/>
      <c r="CQ126" s="475"/>
      <c r="CR126" s="476"/>
    </row>
    <row r="127" spans="1:159" s="8" customFormat="1" ht="7.5" customHeight="1" x14ac:dyDescent="0.55000000000000004">
      <c r="A127" s="473"/>
      <c r="B127" s="474"/>
      <c r="C127" s="474"/>
      <c r="D127" s="474"/>
      <c r="E127" s="474"/>
      <c r="F127" s="475"/>
      <c r="G127" s="475"/>
      <c r="H127" s="475"/>
      <c r="I127" s="475"/>
      <c r="J127" s="475"/>
      <c r="K127" s="475"/>
      <c r="L127" s="475"/>
      <c r="M127" s="475"/>
      <c r="N127" s="475"/>
      <c r="O127" s="475"/>
      <c r="P127" s="475"/>
      <c r="Q127" s="475"/>
      <c r="R127" s="475"/>
      <c r="S127" s="475"/>
      <c r="T127" s="475"/>
      <c r="U127" s="475"/>
      <c r="V127" s="475"/>
      <c r="W127" s="475"/>
      <c r="X127" s="475"/>
      <c r="Y127" s="475"/>
      <c r="Z127" s="475"/>
      <c r="AA127" s="475"/>
      <c r="AB127" s="475"/>
      <c r="AC127" s="475"/>
      <c r="AD127" s="475"/>
      <c r="AE127" s="475"/>
      <c r="AF127" s="475"/>
      <c r="AG127" s="475"/>
      <c r="AH127" s="475"/>
      <c r="AI127" s="475"/>
      <c r="AJ127" s="475"/>
      <c r="AK127" s="475"/>
      <c r="AL127" s="475"/>
      <c r="AM127" s="475"/>
      <c r="AN127" s="475"/>
      <c r="AO127" s="475"/>
      <c r="AP127" s="475"/>
      <c r="AQ127" s="475"/>
      <c r="AR127" s="475"/>
      <c r="AS127" s="475"/>
      <c r="AT127" s="475"/>
      <c r="AU127" s="475"/>
      <c r="AV127" s="475"/>
      <c r="AW127" s="475"/>
      <c r="AX127" s="475"/>
      <c r="AY127" s="475"/>
      <c r="AZ127" s="475"/>
      <c r="BA127" s="475"/>
      <c r="BB127" s="475"/>
      <c r="BC127" s="475"/>
      <c r="BD127" s="475"/>
      <c r="BE127" s="475"/>
      <c r="BF127" s="475"/>
      <c r="BG127" s="475"/>
      <c r="BH127" s="475"/>
      <c r="BI127" s="475"/>
      <c r="BJ127" s="475"/>
      <c r="BK127" s="475"/>
      <c r="BL127" s="475"/>
      <c r="BM127" s="475"/>
      <c r="BN127" s="475"/>
      <c r="BO127" s="475"/>
      <c r="BP127" s="475"/>
      <c r="BQ127" s="475"/>
      <c r="BR127" s="475"/>
      <c r="BS127" s="475"/>
      <c r="BT127" s="475"/>
      <c r="BU127" s="475"/>
      <c r="BV127" s="475"/>
      <c r="BW127" s="475"/>
      <c r="BX127" s="475"/>
      <c r="BY127" s="475"/>
      <c r="BZ127" s="475"/>
      <c r="CA127" s="475"/>
      <c r="CB127" s="475"/>
      <c r="CC127" s="475"/>
      <c r="CD127" s="475"/>
      <c r="CE127" s="475"/>
      <c r="CF127" s="475"/>
      <c r="CG127" s="475"/>
      <c r="CH127" s="475"/>
      <c r="CI127" s="475"/>
      <c r="CJ127" s="475"/>
      <c r="CK127" s="475"/>
      <c r="CL127" s="475"/>
      <c r="CM127" s="475"/>
      <c r="CN127" s="475"/>
      <c r="CO127" s="475"/>
      <c r="CP127" s="475"/>
      <c r="CQ127" s="475"/>
      <c r="CR127" s="476"/>
    </row>
    <row r="128" spans="1:159" s="8" customFormat="1" ht="7.5" customHeight="1" x14ac:dyDescent="0.55000000000000004">
      <c r="A128" s="473"/>
      <c r="B128" s="474"/>
      <c r="C128" s="474"/>
      <c r="D128" s="474"/>
      <c r="E128" s="474"/>
      <c r="F128" s="475" t="s">
        <v>138</v>
      </c>
      <c r="G128" s="475"/>
      <c r="H128" s="475"/>
      <c r="I128" s="475"/>
      <c r="J128" s="475"/>
      <c r="K128" s="475"/>
      <c r="L128" s="475"/>
      <c r="M128" s="475"/>
      <c r="N128" s="475"/>
      <c r="O128" s="475"/>
      <c r="P128" s="475"/>
      <c r="Q128" s="475"/>
      <c r="R128" s="475"/>
      <c r="S128" s="475"/>
      <c r="T128" s="475"/>
      <c r="U128" s="475"/>
      <c r="V128" s="475"/>
      <c r="W128" s="475"/>
      <c r="X128" s="475"/>
      <c r="Y128" s="475"/>
      <c r="Z128" s="475"/>
      <c r="AA128" s="475"/>
      <c r="AB128" s="475"/>
      <c r="AC128" s="475"/>
      <c r="AD128" s="475"/>
      <c r="AE128" s="475"/>
      <c r="AF128" s="475"/>
      <c r="AG128" s="475"/>
      <c r="AH128" s="475"/>
      <c r="AI128" s="475"/>
      <c r="AJ128" s="475"/>
      <c r="AK128" s="475"/>
      <c r="AL128" s="475"/>
      <c r="AM128" s="475"/>
      <c r="AN128" s="475"/>
      <c r="AO128" s="475"/>
      <c r="AP128" s="475"/>
      <c r="AQ128" s="475"/>
      <c r="AR128" s="475"/>
      <c r="AS128" s="475"/>
      <c r="AT128" s="475"/>
      <c r="AU128" s="475"/>
      <c r="AV128" s="475"/>
      <c r="AW128" s="475"/>
      <c r="AX128" s="475"/>
      <c r="AY128" s="475"/>
      <c r="AZ128" s="475"/>
      <c r="BA128" s="475"/>
      <c r="BB128" s="475"/>
      <c r="BC128" s="475"/>
      <c r="BD128" s="475"/>
      <c r="BE128" s="475"/>
      <c r="BF128" s="475"/>
      <c r="BG128" s="475"/>
      <c r="BH128" s="475"/>
      <c r="BI128" s="475"/>
      <c r="BJ128" s="475"/>
      <c r="BK128" s="475"/>
      <c r="BL128" s="475"/>
      <c r="BM128" s="475"/>
      <c r="BN128" s="475"/>
      <c r="BO128" s="475"/>
      <c r="BP128" s="475"/>
      <c r="BQ128" s="475"/>
      <c r="BR128" s="475"/>
      <c r="BS128" s="475"/>
      <c r="BT128" s="475"/>
      <c r="BU128" s="475"/>
      <c r="BV128" s="475"/>
      <c r="BW128" s="475"/>
      <c r="BX128" s="475"/>
      <c r="BY128" s="475"/>
      <c r="BZ128" s="475"/>
      <c r="CA128" s="475"/>
      <c r="CB128" s="475"/>
      <c r="CC128" s="475"/>
      <c r="CD128" s="475"/>
      <c r="CE128" s="475"/>
      <c r="CF128" s="475"/>
      <c r="CG128" s="475"/>
      <c r="CH128" s="475"/>
      <c r="CI128" s="475"/>
      <c r="CJ128" s="475"/>
      <c r="CK128" s="475"/>
      <c r="CL128" s="475"/>
      <c r="CM128" s="475"/>
      <c r="CN128" s="475"/>
      <c r="CO128" s="475"/>
      <c r="CP128" s="475"/>
      <c r="CQ128" s="475"/>
      <c r="CR128" s="476"/>
    </row>
    <row r="129" spans="1:201" s="8" customFormat="1" ht="7.5" customHeight="1" x14ac:dyDescent="0.55000000000000004">
      <c r="A129" s="473"/>
      <c r="B129" s="474"/>
      <c r="C129" s="474"/>
      <c r="D129" s="474"/>
      <c r="E129" s="474"/>
      <c r="F129" s="475"/>
      <c r="G129" s="475"/>
      <c r="H129" s="475"/>
      <c r="I129" s="475"/>
      <c r="J129" s="475"/>
      <c r="K129" s="475"/>
      <c r="L129" s="475"/>
      <c r="M129" s="475"/>
      <c r="N129" s="475"/>
      <c r="O129" s="475"/>
      <c r="P129" s="475"/>
      <c r="Q129" s="475"/>
      <c r="R129" s="475"/>
      <c r="S129" s="475"/>
      <c r="T129" s="475"/>
      <c r="U129" s="475"/>
      <c r="V129" s="475"/>
      <c r="W129" s="475"/>
      <c r="X129" s="475"/>
      <c r="Y129" s="475"/>
      <c r="Z129" s="475"/>
      <c r="AA129" s="475"/>
      <c r="AB129" s="475"/>
      <c r="AC129" s="475"/>
      <c r="AD129" s="475"/>
      <c r="AE129" s="475"/>
      <c r="AF129" s="475"/>
      <c r="AG129" s="475"/>
      <c r="AH129" s="475"/>
      <c r="AI129" s="475"/>
      <c r="AJ129" s="475"/>
      <c r="AK129" s="475"/>
      <c r="AL129" s="475"/>
      <c r="AM129" s="475"/>
      <c r="AN129" s="475"/>
      <c r="AO129" s="475"/>
      <c r="AP129" s="475"/>
      <c r="AQ129" s="475"/>
      <c r="AR129" s="475"/>
      <c r="AS129" s="475"/>
      <c r="AT129" s="475"/>
      <c r="AU129" s="475"/>
      <c r="AV129" s="475"/>
      <c r="AW129" s="475"/>
      <c r="AX129" s="475"/>
      <c r="AY129" s="475"/>
      <c r="AZ129" s="475"/>
      <c r="BA129" s="475"/>
      <c r="BB129" s="475"/>
      <c r="BC129" s="475"/>
      <c r="BD129" s="475"/>
      <c r="BE129" s="475"/>
      <c r="BF129" s="475"/>
      <c r="BG129" s="475"/>
      <c r="BH129" s="475"/>
      <c r="BI129" s="475"/>
      <c r="BJ129" s="475"/>
      <c r="BK129" s="475"/>
      <c r="BL129" s="475"/>
      <c r="BM129" s="475"/>
      <c r="BN129" s="475"/>
      <c r="BO129" s="475"/>
      <c r="BP129" s="475"/>
      <c r="BQ129" s="475"/>
      <c r="BR129" s="475"/>
      <c r="BS129" s="475"/>
      <c r="BT129" s="475"/>
      <c r="BU129" s="475"/>
      <c r="BV129" s="475"/>
      <c r="BW129" s="475"/>
      <c r="BX129" s="475"/>
      <c r="BY129" s="475"/>
      <c r="BZ129" s="475"/>
      <c r="CA129" s="475"/>
      <c r="CB129" s="475"/>
      <c r="CC129" s="475"/>
      <c r="CD129" s="475"/>
      <c r="CE129" s="475"/>
      <c r="CF129" s="475"/>
      <c r="CG129" s="475"/>
      <c r="CH129" s="475"/>
      <c r="CI129" s="475"/>
      <c r="CJ129" s="475"/>
      <c r="CK129" s="475"/>
      <c r="CL129" s="475"/>
      <c r="CM129" s="475"/>
      <c r="CN129" s="475"/>
      <c r="CO129" s="475"/>
      <c r="CP129" s="475"/>
      <c r="CQ129" s="475"/>
      <c r="CR129" s="476"/>
    </row>
    <row r="130" spans="1:201" s="8" customFormat="1" ht="7.5" customHeight="1" x14ac:dyDescent="0.55000000000000004">
      <c r="A130" s="473"/>
      <c r="B130" s="474"/>
      <c r="C130" s="474"/>
      <c r="D130" s="474"/>
      <c r="E130" s="474"/>
      <c r="F130" s="475"/>
      <c r="G130" s="475"/>
      <c r="H130" s="475"/>
      <c r="I130" s="475"/>
      <c r="J130" s="475"/>
      <c r="K130" s="475"/>
      <c r="L130" s="475"/>
      <c r="M130" s="475"/>
      <c r="N130" s="475"/>
      <c r="O130" s="475"/>
      <c r="P130" s="475"/>
      <c r="Q130" s="475"/>
      <c r="R130" s="475"/>
      <c r="S130" s="475"/>
      <c r="T130" s="475"/>
      <c r="U130" s="475"/>
      <c r="V130" s="475"/>
      <c r="W130" s="475"/>
      <c r="X130" s="475"/>
      <c r="Y130" s="475"/>
      <c r="Z130" s="475"/>
      <c r="AA130" s="475"/>
      <c r="AB130" s="475"/>
      <c r="AC130" s="475"/>
      <c r="AD130" s="475"/>
      <c r="AE130" s="475"/>
      <c r="AF130" s="475"/>
      <c r="AG130" s="475"/>
      <c r="AH130" s="475"/>
      <c r="AI130" s="475"/>
      <c r="AJ130" s="475"/>
      <c r="AK130" s="475"/>
      <c r="AL130" s="475"/>
      <c r="AM130" s="475"/>
      <c r="AN130" s="475"/>
      <c r="AO130" s="475"/>
      <c r="AP130" s="475"/>
      <c r="AQ130" s="475"/>
      <c r="AR130" s="475"/>
      <c r="AS130" s="475"/>
      <c r="AT130" s="475"/>
      <c r="AU130" s="475"/>
      <c r="AV130" s="475"/>
      <c r="AW130" s="475"/>
      <c r="AX130" s="475"/>
      <c r="AY130" s="475"/>
      <c r="AZ130" s="475"/>
      <c r="BA130" s="475"/>
      <c r="BB130" s="475"/>
      <c r="BC130" s="475"/>
      <c r="BD130" s="475"/>
      <c r="BE130" s="475"/>
      <c r="BF130" s="475"/>
      <c r="BG130" s="475"/>
      <c r="BH130" s="475"/>
      <c r="BI130" s="475"/>
      <c r="BJ130" s="475"/>
      <c r="BK130" s="475"/>
      <c r="BL130" s="475"/>
      <c r="BM130" s="475"/>
      <c r="BN130" s="475"/>
      <c r="BO130" s="475"/>
      <c r="BP130" s="475"/>
      <c r="BQ130" s="475"/>
      <c r="BR130" s="475"/>
      <c r="BS130" s="475"/>
      <c r="BT130" s="475"/>
      <c r="BU130" s="475"/>
      <c r="BV130" s="475"/>
      <c r="BW130" s="475"/>
      <c r="BX130" s="475"/>
      <c r="BY130" s="475"/>
      <c r="BZ130" s="475"/>
      <c r="CA130" s="475"/>
      <c r="CB130" s="475"/>
      <c r="CC130" s="475"/>
      <c r="CD130" s="475"/>
      <c r="CE130" s="475"/>
      <c r="CF130" s="475"/>
      <c r="CG130" s="475"/>
      <c r="CH130" s="475"/>
      <c r="CI130" s="475"/>
      <c r="CJ130" s="475"/>
      <c r="CK130" s="475"/>
      <c r="CL130" s="475"/>
      <c r="CM130" s="475"/>
      <c r="CN130" s="475"/>
      <c r="CO130" s="475"/>
      <c r="CP130" s="475"/>
      <c r="CQ130" s="475"/>
      <c r="CR130" s="476"/>
    </row>
    <row r="131" spans="1:201" s="8" customFormat="1" ht="7.5" customHeight="1" x14ac:dyDescent="0.55000000000000004">
      <c r="A131" s="473"/>
      <c r="B131" s="474"/>
      <c r="C131" s="474"/>
      <c r="D131" s="474"/>
      <c r="E131" s="474"/>
      <c r="F131" s="475"/>
      <c r="G131" s="475"/>
      <c r="H131" s="475"/>
      <c r="I131" s="475"/>
      <c r="J131" s="475"/>
      <c r="K131" s="475"/>
      <c r="L131" s="475"/>
      <c r="M131" s="475"/>
      <c r="N131" s="475"/>
      <c r="O131" s="475"/>
      <c r="P131" s="475"/>
      <c r="Q131" s="475"/>
      <c r="R131" s="475"/>
      <c r="S131" s="475"/>
      <c r="T131" s="475"/>
      <c r="U131" s="475"/>
      <c r="V131" s="475"/>
      <c r="W131" s="475"/>
      <c r="X131" s="475"/>
      <c r="Y131" s="475"/>
      <c r="Z131" s="475"/>
      <c r="AA131" s="475"/>
      <c r="AB131" s="475"/>
      <c r="AC131" s="475"/>
      <c r="AD131" s="475"/>
      <c r="AE131" s="475"/>
      <c r="AF131" s="475"/>
      <c r="AG131" s="475"/>
      <c r="AH131" s="475"/>
      <c r="AI131" s="475"/>
      <c r="AJ131" s="475"/>
      <c r="AK131" s="475"/>
      <c r="AL131" s="475"/>
      <c r="AM131" s="475"/>
      <c r="AN131" s="475"/>
      <c r="AO131" s="475"/>
      <c r="AP131" s="475"/>
      <c r="AQ131" s="475"/>
      <c r="AR131" s="475"/>
      <c r="AS131" s="475"/>
      <c r="AT131" s="475"/>
      <c r="AU131" s="475"/>
      <c r="AV131" s="475"/>
      <c r="AW131" s="475"/>
      <c r="AX131" s="475"/>
      <c r="AY131" s="475"/>
      <c r="AZ131" s="475"/>
      <c r="BA131" s="475"/>
      <c r="BB131" s="475"/>
      <c r="BC131" s="475"/>
      <c r="BD131" s="475"/>
      <c r="BE131" s="475"/>
      <c r="BF131" s="475"/>
      <c r="BG131" s="475"/>
      <c r="BH131" s="475"/>
      <c r="BI131" s="475"/>
      <c r="BJ131" s="475"/>
      <c r="BK131" s="475"/>
      <c r="BL131" s="475"/>
      <c r="BM131" s="475"/>
      <c r="BN131" s="475"/>
      <c r="BO131" s="475"/>
      <c r="BP131" s="475"/>
      <c r="BQ131" s="475"/>
      <c r="BR131" s="475"/>
      <c r="BS131" s="475"/>
      <c r="BT131" s="475"/>
      <c r="BU131" s="475"/>
      <c r="BV131" s="475"/>
      <c r="BW131" s="475"/>
      <c r="BX131" s="475"/>
      <c r="BY131" s="475"/>
      <c r="BZ131" s="475"/>
      <c r="CA131" s="475"/>
      <c r="CB131" s="475"/>
      <c r="CC131" s="475"/>
      <c r="CD131" s="475"/>
      <c r="CE131" s="475"/>
      <c r="CF131" s="475"/>
      <c r="CG131" s="475"/>
      <c r="CH131" s="475"/>
      <c r="CI131" s="475"/>
      <c r="CJ131" s="475"/>
      <c r="CK131" s="475"/>
      <c r="CL131" s="475"/>
      <c r="CM131" s="475"/>
      <c r="CN131" s="475"/>
      <c r="CO131" s="475"/>
      <c r="CP131" s="475"/>
      <c r="CQ131" s="475"/>
      <c r="CR131" s="476"/>
    </row>
    <row r="132" spans="1:201" s="8" customFormat="1" ht="7.5" customHeight="1" x14ac:dyDescent="0.55000000000000004">
      <c r="A132" s="473"/>
      <c r="B132" s="474"/>
      <c r="C132" s="474"/>
      <c r="D132" s="474"/>
      <c r="E132" s="474"/>
      <c r="F132" s="475" t="s">
        <v>139</v>
      </c>
      <c r="G132" s="475"/>
      <c r="H132" s="475"/>
      <c r="I132" s="475"/>
      <c r="J132" s="475"/>
      <c r="K132" s="475"/>
      <c r="L132" s="475"/>
      <c r="M132" s="475"/>
      <c r="N132" s="475"/>
      <c r="O132" s="475"/>
      <c r="P132" s="475"/>
      <c r="Q132" s="475"/>
      <c r="R132" s="475"/>
      <c r="S132" s="475"/>
      <c r="T132" s="475"/>
      <c r="U132" s="475"/>
      <c r="V132" s="475"/>
      <c r="W132" s="475"/>
      <c r="X132" s="475"/>
      <c r="Y132" s="475"/>
      <c r="Z132" s="475"/>
      <c r="AA132" s="475"/>
      <c r="AB132" s="475"/>
      <c r="AC132" s="475"/>
      <c r="AD132" s="475"/>
      <c r="AE132" s="475"/>
      <c r="AF132" s="475"/>
      <c r="AG132" s="475"/>
      <c r="AH132" s="475"/>
      <c r="AI132" s="475"/>
      <c r="AJ132" s="475"/>
      <c r="AK132" s="475"/>
      <c r="AL132" s="475"/>
      <c r="AM132" s="475"/>
      <c r="AN132" s="475"/>
      <c r="AO132" s="475"/>
      <c r="AP132" s="475"/>
      <c r="AQ132" s="475"/>
      <c r="AR132" s="475"/>
      <c r="AS132" s="475"/>
      <c r="AT132" s="475"/>
      <c r="AU132" s="475"/>
      <c r="AV132" s="475"/>
      <c r="AW132" s="475"/>
      <c r="AX132" s="475"/>
      <c r="AY132" s="475"/>
      <c r="AZ132" s="475"/>
      <c r="BA132" s="475"/>
      <c r="BB132" s="475"/>
      <c r="BC132" s="475"/>
      <c r="BD132" s="475"/>
      <c r="BE132" s="475"/>
      <c r="BF132" s="475"/>
      <c r="BG132" s="475"/>
      <c r="BH132" s="475"/>
      <c r="BI132" s="475"/>
      <c r="BJ132" s="475"/>
      <c r="BK132" s="475"/>
      <c r="BL132" s="475"/>
      <c r="BM132" s="475"/>
      <c r="BN132" s="475"/>
      <c r="BO132" s="475"/>
      <c r="BP132" s="475"/>
      <c r="BQ132" s="475"/>
      <c r="BR132" s="475"/>
      <c r="BS132" s="475"/>
      <c r="BT132" s="475"/>
      <c r="BU132" s="475"/>
      <c r="BV132" s="475"/>
      <c r="BW132" s="475"/>
      <c r="BX132" s="475"/>
      <c r="BY132" s="475"/>
      <c r="BZ132" s="475"/>
      <c r="CA132" s="475"/>
      <c r="CB132" s="475"/>
      <c r="CC132" s="475"/>
      <c r="CD132" s="475"/>
      <c r="CE132" s="475"/>
      <c r="CF132" s="475"/>
      <c r="CG132" s="475"/>
      <c r="CH132" s="475"/>
      <c r="CI132" s="475"/>
      <c r="CJ132" s="475"/>
      <c r="CK132" s="475"/>
      <c r="CL132" s="475"/>
      <c r="CM132" s="475"/>
      <c r="CN132" s="475"/>
      <c r="CO132" s="475"/>
      <c r="CP132" s="475"/>
      <c r="CQ132" s="475"/>
      <c r="CR132" s="476"/>
    </row>
    <row r="133" spans="1:201" s="8" customFormat="1" ht="7.5" customHeight="1" x14ac:dyDescent="0.55000000000000004">
      <c r="A133" s="473"/>
      <c r="B133" s="474"/>
      <c r="C133" s="474"/>
      <c r="D133" s="474"/>
      <c r="E133" s="474"/>
      <c r="F133" s="475"/>
      <c r="G133" s="475"/>
      <c r="H133" s="475"/>
      <c r="I133" s="475"/>
      <c r="J133" s="475"/>
      <c r="K133" s="475"/>
      <c r="L133" s="475"/>
      <c r="M133" s="475"/>
      <c r="N133" s="475"/>
      <c r="O133" s="475"/>
      <c r="P133" s="475"/>
      <c r="Q133" s="475"/>
      <c r="R133" s="475"/>
      <c r="S133" s="475"/>
      <c r="T133" s="475"/>
      <c r="U133" s="475"/>
      <c r="V133" s="475"/>
      <c r="W133" s="475"/>
      <c r="X133" s="475"/>
      <c r="Y133" s="475"/>
      <c r="Z133" s="475"/>
      <c r="AA133" s="475"/>
      <c r="AB133" s="475"/>
      <c r="AC133" s="475"/>
      <c r="AD133" s="475"/>
      <c r="AE133" s="475"/>
      <c r="AF133" s="475"/>
      <c r="AG133" s="475"/>
      <c r="AH133" s="475"/>
      <c r="AI133" s="475"/>
      <c r="AJ133" s="475"/>
      <c r="AK133" s="475"/>
      <c r="AL133" s="475"/>
      <c r="AM133" s="475"/>
      <c r="AN133" s="475"/>
      <c r="AO133" s="475"/>
      <c r="AP133" s="475"/>
      <c r="AQ133" s="475"/>
      <c r="AR133" s="475"/>
      <c r="AS133" s="475"/>
      <c r="AT133" s="475"/>
      <c r="AU133" s="475"/>
      <c r="AV133" s="475"/>
      <c r="AW133" s="475"/>
      <c r="AX133" s="475"/>
      <c r="AY133" s="475"/>
      <c r="AZ133" s="475"/>
      <c r="BA133" s="475"/>
      <c r="BB133" s="475"/>
      <c r="BC133" s="475"/>
      <c r="BD133" s="475"/>
      <c r="BE133" s="475"/>
      <c r="BF133" s="475"/>
      <c r="BG133" s="475"/>
      <c r="BH133" s="475"/>
      <c r="BI133" s="475"/>
      <c r="BJ133" s="475"/>
      <c r="BK133" s="475"/>
      <c r="BL133" s="475"/>
      <c r="BM133" s="475"/>
      <c r="BN133" s="475"/>
      <c r="BO133" s="475"/>
      <c r="BP133" s="475"/>
      <c r="BQ133" s="475"/>
      <c r="BR133" s="475"/>
      <c r="BS133" s="475"/>
      <c r="BT133" s="475"/>
      <c r="BU133" s="475"/>
      <c r="BV133" s="475"/>
      <c r="BW133" s="475"/>
      <c r="BX133" s="475"/>
      <c r="BY133" s="475"/>
      <c r="BZ133" s="475"/>
      <c r="CA133" s="475"/>
      <c r="CB133" s="475"/>
      <c r="CC133" s="475"/>
      <c r="CD133" s="475"/>
      <c r="CE133" s="475"/>
      <c r="CF133" s="475"/>
      <c r="CG133" s="475"/>
      <c r="CH133" s="475"/>
      <c r="CI133" s="475"/>
      <c r="CJ133" s="475"/>
      <c r="CK133" s="475"/>
      <c r="CL133" s="475"/>
      <c r="CM133" s="475"/>
      <c r="CN133" s="475"/>
      <c r="CO133" s="475"/>
      <c r="CP133" s="475"/>
      <c r="CQ133" s="475"/>
      <c r="CR133" s="476"/>
    </row>
    <row r="134" spans="1:201" s="8" customFormat="1" ht="7.5" customHeight="1" x14ac:dyDescent="0.55000000000000004">
      <c r="A134" s="473"/>
      <c r="B134" s="474"/>
      <c r="C134" s="474"/>
      <c r="D134" s="474"/>
      <c r="E134" s="474"/>
      <c r="F134" s="475"/>
      <c r="G134" s="475"/>
      <c r="H134" s="475"/>
      <c r="I134" s="475"/>
      <c r="J134" s="475"/>
      <c r="K134" s="475"/>
      <c r="L134" s="475"/>
      <c r="M134" s="475"/>
      <c r="N134" s="475"/>
      <c r="O134" s="475"/>
      <c r="P134" s="475"/>
      <c r="Q134" s="475"/>
      <c r="R134" s="475"/>
      <c r="S134" s="475"/>
      <c r="T134" s="475"/>
      <c r="U134" s="475"/>
      <c r="V134" s="475"/>
      <c r="W134" s="475"/>
      <c r="X134" s="475"/>
      <c r="Y134" s="475"/>
      <c r="Z134" s="475"/>
      <c r="AA134" s="475"/>
      <c r="AB134" s="475"/>
      <c r="AC134" s="475"/>
      <c r="AD134" s="475"/>
      <c r="AE134" s="475"/>
      <c r="AF134" s="475"/>
      <c r="AG134" s="475"/>
      <c r="AH134" s="475"/>
      <c r="AI134" s="475"/>
      <c r="AJ134" s="475"/>
      <c r="AK134" s="475"/>
      <c r="AL134" s="475"/>
      <c r="AM134" s="475"/>
      <c r="AN134" s="475"/>
      <c r="AO134" s="475"/>
      <c r="AP134" s="475"/>
      <c r="AQ134" s="475"/>
      <c r="AR134" s="475"/>
      <c r="AS134" s="475"/>
      <c r="AT134" s="475"/>
      <c r="AU134" s="475"/>
      <c r="AV134" s="475"/>
      <c r="AW134" s="475"/>
      <c r="AX134" s="475"/>
      <c r="AY134" s="475"/>
      <c r="AZ134" s="475"/>
      <c r="BA134" s="475"/>
      <c r="BB134" s="475"/>
      <c r="BC134" s="475"/>
      <c r="BD134" s="475"/>
      <c r="BE134" s="475"/>
      <c r="BF134" s="475"/>
      <c r="BG134" s="475"/>
      <c r="BH134" s="475"/>
      <c r="BI134" s="475"/>
      <c r="BJ134" s="475"/>
      <c r="BK134" s="475"/>
      <c r="BL134" s="475"/>
      <c r="BM134" s="475"/>
      <c r="BN134" s="475"/>
      <c r="BO134" s="475"/>
      <c r="BP134" s="475"/>
      <c r="BQ134" s="475"/>
      <c r="BR134" s="475"/>
      <c r="BS134" s="475"/>
      <c r="BT134" s="475"/>
      <c r="BU134" s="475"/>
      <c r="BV134" s="475"/>
      <c r="BW134" s="475"/>
      <c r="BX134" s="475"/>
      <c r="BY134" s="475"/>
      <c r="BZ134" s="475"/>
      <c r="CA134" s="475"/>
      <c r="CB134" s="475"/>
      <c r="CC134" s="475"/>
      <c r="CD134" s="475"/>
      <c r="CE134" s="475"/>
      <c r="CF134" s="475"/>
      <c r="CG134" s="475"/>
      <c r="CH134" s="475"/>
      <c r="CI134" s="475"/>
      <c r="CJ134" s="475"/>
      <c r="CK134" s="475"/>
      <c r="CL134" s="475"/>
      <c r="CM134" s="475"/>
      <c r="CN134" s="475"/>
      <c r="CO134" s="475"/>
      <c r="CP134" s="475"/>
      <c r="CQ134" s="475"/>
      <c r="CR134" s="476"/>
      <c r="GJ134" s="57"/>
      <c r="GK134" s="57"/>
      <c r="GL134" s="57"/>
      <c r="GM134" s="57"/>
      <c r="GN134" s="57"/>
      <c r="GO134" s="57"/>
      <c r="GP134" s="57"/>
      <c r="GQ134" s="57"/>
      <c r="GR134" s="57"/>
      <c r="GS134" s="58"/>
    </row>
    <row r="135" spans="1:201" s="8" customFormat="1" ht="7.5" customHeight="1" x14ac:dyDescent="0.55000000000000004">
      <c r="A135" s="473"/>
      <c r="B135" s="474"/>
      <c r="C135" s="474"/>
      <c r="D135" s="474"/>
      <c r="E135" s="474"/>
      <c r="F135" s="475"/>
      <c r="G135" s="475"/>
      <c r="H135" s="475"/>
      <c r="I135" s="475"/>
      <c r="J135" s="475"/>
      <c r="K135" s="475"/>
      <c r="L135" s="475"/>
      <c r="M135" s="475"/>
      <c r="N135" s="475"/>
      <c r="O135" s="475"/>
      <c r="P135" s="475"/>
      <c r="Q135" s="475"/>
      <c r="R135" s="475"/>
      <c r="S135" s="475"/>
      <c r="T135" s="475"/>
      <c r="U135" s="475"/>
      <c r="V135" s="475"/>
      <c r="W135" s="475"/>
      <c r="X135" s="475"/>
      <c r="Y135" s="475"/>
      <c r="Z135" s="475"/>
      <c r="AA135" s="475"/>
      <c r="AB135" s="475"/>
      <c r="AC135" s="475"/>
      <c r="AD135" s="475"/>
      <c r="AE135" s="475"/>
      <c r="AF135" s="475"/>
      <c r="AG135" s="475"/>
      <c r="AH135" s="475"/>
      <c r="AI135" s="475"/>
      <c r="AJ135" s="475"/>
      <c r="AK135" s="475"/>
      <c r="AL135" s="475"/>
      <c r="AM135" s="475"/>
      <c r="AN135" s="475"/>
      <c r="AO135" s="475"/>
      <c r="AP135" s="475"/>
      <c r="AQ135" s="475"/>
      <c r="AR135" s="475"/>
      <c r="AS135" s="475"/>
      <c r="AT135" s="475"/>
      <c r="AU135" s="475"/>
      <c r="AV135" s="475"/>
      <c r="AW135" s="475"/>
      <c r="AX135" s="475"/>
      <c r="AY135" s="475"/>
      <c r="AZ135" s="475"/>
      <c r="BA135" s="475"/>
      <c r="BB135" s="475"/>
      <c r="BC135" s="475"/>
      <c r="BD135" s="475"/>
      <c r="BE135" s="475"/>
      <c r="BF135" s="475"/>
      <c r="BG135" s="475"/>
      <c r="BH135" s="475"/>
      <c r="BI135" s="475"/>
      <c r="BJ135" s="475"/>
      <c r="BK135" s="475"/>
      <c r="BL135" s="475"/>
      <c r="BM135" s="475"/>
      <c r="BN135" s="475"/>
      <c r="BO135" s="475"/>
      <c r="BP135" s="475"/>
      <c r="BQ135" s="475"/>
      <c r="BR135" s="475"/>
      <c r="BS135" s="475"/>
      <c r="BT135" s="475"/>
      <c r="BU135" s="475"/>
      <c r="BV135" s="475"/>
      <c r="BW135" s="475"/>
      <c r="BX135" s="475"/>
      <c r="BY135" s="475"/>
      <c r="BZ135" s="475"/>
      <c r="CA135" s="475"/>
      <c r="CB135" s="475"/>
      <c r="CC135" s="475"/>
      <c r="CD135" s="475"/>
      <c r="CE135" s="475"/>
      <c r="CF135" s="475"/>
      <c r="CG135" s="475"/>
      <c r="CH135" s="475"/>
      <c r="CI135" s="475"/>
      <c r="CJ135" s="475"/>
      <c r="CK135" s="475"/>
      <c r="CL135" s="475"/>
      <c r="CM135" s="475"/>
      <c r="CN135" s="475"/>
      <c r="CO135" s="475"/>
      <c r="CP135" s="475"/>
      <c r="CQ135" s="475"/>
      <c r="CR135" s="476"/>
      <c r="GJ135" s="57"/>
      <c r="GK135" s="57"/>
      <c r="GL135" s="57"/>
      <c r="GM135" s="57"/>
      <c r="GN135" s="57"/>
      <c r="GO135" s="57"/>
      <c r="GP135" s="57"/>
      <c r="GQ135" s="57"/>
      <c r="GR135" s="57"/>
      <c r="GS135" s="58"/>
    </row>
    <row r="136" spans="1:201" s="8" customFormat="1" ht="7.4" customHeight="1" x14ac:dyDescent="0.55000000000000004">
      <c r="A136" s="60"/>
      <c r="B136" s="60"/>
      <c r="C136" s="60"/>
      <c r="D136" s="61"/>
      <c r="E136" s="61"/>
      <c r="F136" s="61"/>
      <c r="G136" s="61"/>
      <c r="H136" s="61"/>
      <c r="I136" s="61"/>
      <c r="J136" s="61"/>
      <c r="K136" s="61"/>
      <c r="L136" s="61"/>
      <c r="M136" s="61"/>
      <c r="N136" s="61"/>
      <c r="O136" s="61"/>
      <c r="P136" s="61"/>
      <c r="Q136" s="61"/>
      <c r="R136" s="61"/>
      <c r="S136" s="61"/>
      <c r="T136" s="61"/>
      <c r="U136" s="61"/>
      <c r="V136" s="61"/>
      <c r="W136" s="61"/>
      <c r="X136" s="61"/>
      <c r="Y136" s="61"/>
      <c r="Z136" s="61"/>
      <c r="AA136" s="61"/>
      <c r="AB136" s="61"/>
      <c r="AC136" s="61"/>
      <c r="AD136" s="61"/>
      <c r="AE136" s="61"/>
      <c r="AF136" s="61"/>
      <c r="AG136" s="61"/>
      <c r="AH136" s="61"/>
      <c r="AI136" s="61"/>
      <c r="AJ136" s="61"/>
      <c r="AK136" s="61"/>
      <c r="AL136" s="61"/>
      <c r="AM136" s="61"/>
      <c r="AN136" s="61"/>
      <c r="AO136" s="61"/>
      <c r="AP136" s="61"/>
      <c r="AQ136" s="61"/>
      <c r="AR136" s="61"/>
      <c r="AS136" s="61"/>
      <c r="AT136" s="61"/>
      <c r="AU136" s="61"/>
      <c r="AV136" s="61"/>
      <c r="AW136" s="61"/>
      <c r="AX136" s="61"/>
      <c r="AY136" s="61"/>
      <c r="AZ136" s="61"/>
      <c r="BA136" s="61"/>
      <c r="BB136" s="61"/>
      <c r="BC136" s="61"/>
      <c r="BD136" s="61"/>
      <c r="BE136" s="61"/>
      <c r="BF136" s="61"/>
      <c r="BG136" s="61"/>
      <c r="BH136" s="61"/>
      <c r="BI136" s="61"/>
      <c r="BJ136" s="61"/>
      <c r="BK136" s="61"/>
      <c r="BL136" s="61"/>
      <c r="BM136" s="61"/>
      <c r="BN136" s="62"/>
      <c r="BO136" s="63"/>
      <c r="BP136" s="63"/>
      <c r="BQ136" s="63"/>
      <c r="BR136" s="63"/>
      <c r="BS136" s="63"/>
      <c r="BT136" s="63"/>
      <c r="BU136" s="63"/>
      <c r="BV136" s="64"/>
      <c r="BW136" s="64"/>
      <c r="BX136" s="65"/>
      <c r="BY136" s="65"/>
      <c r="BZ136" s="65"/>
      <c r="CA136" s="48"/>
      <c r="CB136" s="48"/>
      <c r="CC136" s="66"/>
      <c r="CD136" s="66"/>
      <c r="CE136" s="66"/>
      <c r="CF136" s="66"/>
      <c r="CG136" s="66"/>
      <c r="CH136" s="66"/>
      <c r="CI136" s="66"/>
      <c r="CJ136" s="66"/>
      <c r="CK136" s="66"/>
      <c r="CL136" s="66"/>
      <c r="CM136" s="66"/>
      <c r="CN136" s="66"/>
      <c r="CO136" s="66"/>
      <c r="CP136" s="66"/>
      <c r="CQ136" s="66"/>
      <c r="CR136" s="66"/>
      <c r="CS136" s="46"/>
      <c r="CT136" s="46"/>
      <c r="CU136" s="46"/>
      <c r="CV136" s="46"/>
      <c r="CW136" s="46"/>
      <c r="CX136" s="46"/>
      <c r="CY136" s="46"/>
      <c r="CZ136" s="46"/>
      <c r="DA136" s="46"/>
      <c r="DB136" s="46"/>
      <c r="DC136" s="46"/>
      <c r="DD136" s="46"/>
      <c r="DE136" s="46"/>
      <c r="DF136" s="46"/>
      <c r="DG136" s="46"/>
      <c r="DH136" s="46"/>
      <c r="DI136" s="46"/>
      <c r="DJ136" s="46"/>
      <c r="DK136" s="27"/>
      <c r="DL136" s="27"/>
      <c r="DM136" s="51"/>
      <c r="DN136" s="19"/>
      <c r="DO136" s="19"/>
      <c r="DP136" s="19"/>
      <c r="DQ136" s="19"/>
      <c r="DR136" s="19"/>
      <c r="DS136" s="19"/>
      <c r="DT136" s="19"/>
      <c r="DU136" s="19"/>
      <c r="DV136" s="19"/>
      <c r="DW136" s="19"/>
      <c r="DX136" s="19"/>
      <c r="DY136" s="19"/>
      <c r="DZ136" s="19"/>
      <c r="EA136" s="19"/>
      <c r="EB136" s="19"/>
      <c r="EC136" s="19"/>
      <c r="ED136" s="19"/>
      <c r="EE136" s="19"/>
      <c r="EF136" s="19"/>
      <c r="EG136" s="19"/>
      <c r="EH136" s="19"/>
      <c r="EI136" s="19"/>
      <c r="EJ136" s="19"/>
      <c r="EK136" s="19"/>
      <c r="EL136" s="19"/>
      <c r="EM136" s="19"/>
      <c r="EN136" s="19"/>
      <c r="EO136" s="19"/>
      <c r="EP136" s="19"/>
      <c r="EQ136" s="19"/>
      <c r="ER136" s="19"/>
      <c r="ES136" s="19"/>
      <c r="ET136" s="19"/>
    </row>
    <row r="137" spans="1:201" s="8" customFormat="1" ht="7.5" customHeight="1" x14ac:dyDescent="0.55000000000000004">
      <c r="A137" s="135"/>
      <c r="B137" s="135"/>
      <c r="C137" s="135"/>
      <c r="D137" s="135"/>
      <c r="E137" s="135"/>
      <c r="F137" s="135"/>
      <c r="G137" s="135"/>
      <c r="H137" s="135"/>
      <c r="I137" s="135"/>
      <c r="J137" s="135"/>
      <c r="K137" s="135"/>
      <c r="L137" s="135"/>
      <c r="M137" s="135"/>
      <c r="N137" s="135"/>
      <c r="O137" s="135"/>
      <c r="P137" s="135"/>
      <c r="Q137" s="135"/>
      <c r="R137" s="135"/>
      <c r="S137" s="135"/>
      <c r="T137" s="135"/>
      <c r="U137" s="135"/>
      <c r="V137" s="135"/>
      <c r="W137" s="135"/>
      <c r="X137" s="135"/>
      <c r="Y137" s="135"/>
      <c r="Z137" s="135"/>
      <c r="AA137" s="135"/>
      <c r="AB137" s="135"/>
      <c r="AC137" s="135"/>
      <c r="AD137" s="135"/>
      <c r="AE137" s="135"/>
      <c r="AF137" s="135"/>
      <c r="AG137" s="135"/>
      <c r="AH137" s="135"/>
      <c r="AI137" s="135"/>
      <c r="AJ137" s="135"/>
      <c r="AK137" s="135"/>
      <c r="AL137" s="135"/>
      <c r="AM137" s="135"/>
      <c r="AN137" s="135"/>
      <c r="AO137" s="135"/>
      <c r="AP137" s="135"/>
      <c r="AQ137" s="135"/>
      <c r="AR137" s="135"/>
      <c r="AS137" s="135"/>
      <c r="AT137" s="135"/>
      <c r="AU137" s="135"/>
      <c r="AV137" s="135"/>
      <c r="AW137" s="135"/>
      <c r="AX137" s="135"/>
      <c r="AY137" s="135"/>
      <c r="AZ137" s="135"/>
      <c r="BA137" s="135"/>
      <c r="BB137" s="135"/>
      <c r="BC137" s="135"/>
      <c r="BD137" s="135"/>
      <c r="BE137" s="135"/>
      <c r="BF137" s="135"/>
      <c r="BG137" s="135"/>
      <c r="BH137" s="135"/>
      <c r="BI137" s="135"/>
      <c r="BJ137" s="135"/>
      <c r="BK137" s="135"/>
      <c r="BL137" s="135"/>
      <c r="BM137" s="135"/>
      <c r="BN137" s="135"/>
      <c r="BO137" s="135"/>
      <c r="BP137" s="135"/>
      <c r="BQ137" s="135"/>
      <c r="BR137" s="135"/>
      <c r="BS137" s="135"/>
      <c r="BT137" s="135"/>
      <c r="BU137" s="135"/>
      <c r="BV137" s="50"/>
      <c r="BW137" s="50"/>
      <c r="BX137" s="14"/>
      <c r="BY137" s="14"/>
      <c r="BZ137" s="14"/>
      <c r="CA137" s="27"/>
      <c r="CB137" s="27"/>
      <c r="CC137" s="46"/>
      <c r="CD137" s="46"/>
      <c r="CE137" s="46"/>
      <c r="CF137" s="46"/>
      <c r="CG137" s="46"/>
      <c r="CH137" s="46"/>
      <c r="CI137" s="46"/>
      <c r="CJ137" s="46"/>
      <c r="CK137" s="46"/>
      <c r="CL137" s="46"/>
      <c r="CM137" s="46"/>
      <c r="CN137" s="46"/>
      <c r="CO137" s="46"/>
      <c r="CP137" s="46"/>
      <c r="CQ137" s="46"/>
      <c r="CR137" s="46"/>
      <c r="CS137" s="46"/>
      <c r="CT137" s="46"/>
      <c r="CU137" s="46"/>
      <c r="CV137" s="46"/>
      <c r="CW137" s="46"/>
      <c r="CX137" s="46"/>
      <c r="CY137" s="46"/>
      <c r="CZ137" s="46"/>
      <c r="DA137" s="46"/>
      <c r="DB137" s="46"/>
      <c r="DC137" s="46"/>
      <c r="DD137" s="46"/>
      <c r="DE137" s="46"/>
      <c r="DF137" s="46"/>
      <c r="DG137" s="46"/>
      <c r="DH137" s="46"/>
      <c r="DI137" s="46"/>
      <c r="DJ137" s="46"/>
      <c r="DK137" s="27"/>
      <c r="DL137" s="27"/>
      <c r="DM137" s="51"/>
      <c r="DN137" s="19"/>
      <c r="DO137" s="19"/>
      <c r="DP137" s="19"/>
      <c r="DQ137" s="19"/>
      <c r="DR137" s="19"/>
      <c r="DS137" s="19"/>
      <c r="DT137" s="19"/>
      <c r="DU137" s="19"/>
      <c r="DV137" s="19"/>
      <c r="DW137" s="19"/>
      <c r="DX137" s="19"/>
      <c r="DY137" s="19"/>
      <c r="DZ137" s="19"/>
      <c r="EA137" s="19"/>
      <c r="EB137" s="19"/>
      <c r="EC137" s="19"/>
      <c r="ED137" s="19"/>
      <c r="EE137" s="19"/>
      <c r="EF137" s="19"/>
      <c r="EG137" s="19"/>
      <c r="EH137" s="19"/>
      <c r="EI137" s="19"/>
      <c r="EJ137" s="19"/>
      <c r="EK137" s="19"/>
      <c r="EL137" s="19"/>
      <c r="EM137" s="19"/>
      <c r="EN137" s="19"/>
      <c r="EO137" s="19"/>
      <c r="EP137" s="19"/>
      <c r="EQ137" s="19"/>
      <c r="ER137" s="19"/>
      <c r="ES137" s="19"/>
      <c r="ET137" s="19"/>
    </row>
    <row r="138" spans="1:201" s="8" customFormat="1" ht="7.5" customHeight="1" x14ac:dyDescent="0.55000000000000004">
      <c r="A138" s="135"/>
      <c r="B138" s="135"/>
      <c r="C138" s="135"/>
      <c r="D138" s="135"/>
      <c r="E138" s="135"/>
      <c r="F138" s="135"/>
      <c r="G138" s="135"/>
      <c r="H138" s="135"/>
      <c r="I138" s="135"/>
      <c r="J138" s="135"/>
      <c r="K138" s="135"/>
      <c r="L138" s="135"/>
      <c r="M138" s="135"/>
      <c r="N138" s="135"/>
      <c r="O138" s="135"/>
      <c r="P138" s="135"/>
      <c r="Q138" s="135"/>
      <c r="R138" s="135"/>
      <c r="S138" s="135"/>
      <c r="T138" s="135"/>
      <c r="U138" s="135"/>
      <c r="V138" s="135"/>
      <c r="W138" s="135"/>
      <c r="X138" s="135"/>
      <c r="Y138" s="135"/>
      <c r="Z138" s="135"/>
      <c r="AA138" s="135"/>
      <c r="AB138" s="135"/>
      <c r="AC138" s="135"/>
      <c r="AD138" s="135"/>
      <c r="AE138" s="135"/>
      <c r="AF138" s="135"/>
      <c r="AG138" s="135"/>
      <c r="AH138" s="135"/>
      <c r="AI138" s="135"/>
      <c r="AJ138" s="135"/>
      <c r="AK138" s="135"/>
      <c r="AL138" s="135"/>
      <c r="AM138" s="135"/>
      <c r="AN138" s="135"/>
      <c r="AO138" s="135"/>
      <c r="AP138" s="135"/>
      <c r="AQ138" s="135"/>
      <c r="AR138" s="135"/>
      <c r="AS138" s="135"/>
      <c r="AT138" s="135"/>
      <c r="AU138" s="135"/>
      <c r="AV138" s="135"/>
      <c r="AW138" s="135"/>
      <c r="AX138" s="135"/>
      <c r="AY138" s="135"/>
      <c r="AZ138" s="135"/>
      <c r="BA138" s="135"/>
      <c r="BB138" s="135"/>
      <c r="BC138" s="135"/>
      <c r="BD138" s="135"/>
      <c r="BE138" s="135"/>
      <c r="BF138" s="135"/>
      <c r="BG138" s="135"/>
      <c r="BH138" s="135"/>
      <c r="BI138" s="135"/>
      <c r="BJ138" s="135"/>
      <c r="BK138" s="135"/>
      <c r="BL138" s="135"/>
      <c r="BM138" s="135"/>
      <c r="BN138" s="135"/>
      <c r="BO138" s="135"/>
      <c r="BP138" s="135"/>
      <c r="BQ138" s="135"/>
      <c r="BR138" s="135"/>
      <c r="BS138" s="135"/>
      <c r="BT138" s="135"/>
      <c r="BU138" s="135"/>
      <c r="BV138" s="50"/>
      <c r="BW138" s="50"/>
      <c r="BX138" s="14"/>
      <c r="BY138" s="14"/>
      <c r="BZ138" s="14"/>
      <c r="CA138" s="27"/>
      <c r="CB138" s="27"/>
      <c r="CC138" s="46"/>
      <c r="CD138" s="46"/>
      <c r="CE138" s="46"/>
      <c r="CF138" s="46"/>
      <c r="CG138" s="46"/>
      <c r="CH138" s="46"/>
      <c r="CI138" s="46"/>
      <c r="CJ138" s="46"/>
      <c r="CK138" s="46"/>
      <c r="CL138" s="46"/>
      <c r="CM138" s="46"/>
      <c r="CN138" s="46"/>
      <c r="CO138" s="46"/>
      <c r="CP138" s="46"/>
      <c r="CQ138" s="46"/>
      <c r="CR138" s="46"/>
      <c r="CS138" s="46"/>
      <c r="CT138" s="46"/>
      <c r="CU138" s="46"/>
      <c r="CV138" s="46"/>
      <c r="CW138" s="46"/>
      <c r="CX138" s="46"/>
      <c r="CY138" s="46"/>
      <c r="CZ138" s="46"/>
      <c r="DA138" s="46"/>
      <c r="DB138" s="46"/>
      <c r="DC138" s="46"/>
      <c r="DD138" s="46"/>
      <c r="DE138" s="46"/>
      <c r="DF138" s="46"/>
      <c r="DG138" s="46"/>
      <c r="DH138" s="46"/>
      <c r="DI138" s="46"/>
      <c r="DJ138" s="46"/>
      <c r="DK138" s="27"/>
      <c r="DL138" s="27"/>
      <c r="DM138" s="51"/>
      <c r="DN138" s="19"/>
      <c r="DO138" s="19"/>
      <c r="DP138" s="19"/>
      <c r="DQ138" s="19"/>
      <c r="DR138" s="19"/>
      <c r="DS138" s="19"/>
      <c r="DT138" s="19"/>
      <c r="DU138" s="19"/>
      <c r="DV138" s="19"/>
      <c r="DW138" s="19"/>
      <c r="DX138" s="19"/>
      <c r="DY138" s="19"/>
      <c r="DZ138" s="19"/>
      <c r="EA138" s="19"/>
      <c r="EB138" s="19"/>
      <c r="EC138" s="19"/>
      <c r="ED138" s="19"/>
      <c r="EE138" s="19"/>
      <c r="EF138" s="19"/>
      <c r="EG138" s="19"/>
      <c r="EH138" s="19"/>
      <c r="EI138" s="19"/>
      <c r="EJ138" s="19"/>
      <c r="EK138" s="19"/>
      <c r="EL138" s="19"/>
      <c r="EM138" s="19"/>
      <c r="EN138" s="19"/>
      <c r="EO138" s="19"/>
      <c r="EP138" s="19"/>
      <c r="EQ138" s="19"/>
      <c r="ER138" s="19"/>
      <c r="ES138" s="19"/>
      <c r="ET138" s="19"/>
    </row>
    <row r="139" spans="1:201" s="38" customFormat="1" ht="11.25" customHeight="1" x14ac:dyDescent="0.2">
      <c r="A139" s="34"/>
      <c r="B139" s="34"/>
      <c r="C139" s="34"/>
      <c r="D139" s="34"/>
      <c r="E139" s="34"/>
      <c r="F139" s="34"/>
      <c r="G139" s="34"/>
      <c r="H139" s="34"/>
      <c r="I139" s="34"/>
      <c r="J139" s="34"/>
      <c r="K139" s="34"/>
      <c r="L139" s="34"/>
      <c r="M139" s="34"/>
      <c r="N139" s="34"/>
      <c r="O139" s="34"/>
      <c r="P139" s="34"/>
      <c r="Q139" s="34"/>
      <c r="R139" s="34"/>
      <c r="S139" s="34"/>
      <c r="T139" s="34"/>
      <c r="U139" s="34"/>
      <c r="V139" s="34"/>
      <c r="W139" s="34"/>
      <c r="X139" s="34"/>
      <c r="Y139" s="34"/>
      <c r="Z139" s="34"/>
      <c r="AA139" s="34"/>
      <c r="AB139" s="34"/>
      <c r="AC139" s="34"/>
      <c r="AD139" s="34"/>
      <c r="AE139" s="34"/>
      <c r="AF139" s="34"/>
      <c r="AG139" s="34"/>
      <c r="AH139" s="34"/>
      <c r="AI139" s="34"/>
      <c r="AJ139" s="34"/>
      <c r="AK139" s="34"/>
      <c r="AL139" s="34"/>
      <c r="AM139" s="34"/>
      <c r="AN139" s="34"/>
      <c r="AO139" s="34"/>
      <c r="AP139" s="34"/>
      <c r="AQ139" s="34"/>
      <c r="AR139" s="34"/>
      <c r="AS139" s="34"/>
      <c r="AT139" s="34"/>
      <c r="AU139" s="34"/>
      <c r="AV139" s="34"/>
      <c r="AW139" s="34"/>
      <c r="AX139" s="34"/>
      <c r="AY139" s="34"/>
      <c r="AZ139" s="34"/>
      <c r="BA139" s="34"/>
      <c r="BB139" s="34"/>
      <c r="BC139" s="34"/>
      <c r="BD139" s="34"/>
      <c r="BE139" s="34"/>
      <c r="BF139" s="34"/>
      <c r="BG139" s="34"/>
      <c r="BH139" s="34"/>
      <c r="BI139" s="34"/>
      <c r="BJ139" s="34"/>
      <c r="BK139" s="34"/>
      <c r="BL139" s="34"/>
      <c r="BM139" s="34"/>
      <c r="BN139" s="34"/>
      <c r="BO139" s="34"/>
      <c r="BP139" s="34"/>
      <c r="BQ139" s="35"/>
      <c r="BR139" s="36"/>
      <c r="BS139" s="36"/>
      <c r="BT139" s="36"/>
      <c r="BU139" s="37"/>
    </row>
    <row r="140" spans="1:201" s="36" customFormat="1" ht="11.25" customHeight="1" x14ac:dyDescent="0.2">
      <c r="A140" s="34"/>
      <c r="B140" s="34"/>
      <c r="C140" s="34"/>
      <c r="D140" s="34"/>
      <c r="E140" s="34"/>
      <c r="F140" s="34"/>
      <c r="G140" s="34"/>
      <c r="H140" s="34"/>
      <c r="I140" s="34"/>
      <c r="J140" s="34"/>
      <c r="K140" s="34"/>
      <c r="L140" s="34"/>
      <c r="M140" s="34"/>
      <c r="N140" s="34"/>
      <c r="O140" s="34"/>
      <c r="P140" s="34"/>
      <c r="Q140" s="34"/>
      <c r="R140" s="34"/>
      <c r="S140" s="34"/>
      <c r="T140" s="34"/>
      <c r="U140" s="34"/>
      <c r="V140" s="34"/>
      <c r="W140" s="34"/>
      <c r="X140" s="34"/>
      <c r="Y140" s="34"/>
      <c r="Z140" s="34"/>
      <c r="AA140" s="34"/>
      <c r="AB140" s="34"/>
      <c r="AC140" s="34"/>
      <c r="AD140" s="34"/>
      <c r="AE140" s="34"/>
      <c r="AF140" s="34"/>
      <c r="AG140" s="34"/>
      <c r="AH140" s="34"/>
      <c r="AI140" s="34"/>
      <c r="AJ140" s="34"/>
      <c r="AK140" s="34"/>
      <c r="AL140" s="34"/>
      <c r="AM140" s="34"/>
      <c r="AN140" s="34"/>
      <c r="AO140" s="34"/>
      <c r="AP140" s="34"/>
      <c r="AQ140" s="34"/>
      <c r="AR140" s="34"/>
      <c r="AS140" s="34"/>
      <c r="AT140" s="34"/>
      <c r="AU140" s="34"/>
      <c r="AV140" s="34"/>
      <c r="AW140" s="34"/>
      <c r="AX140" s="34"/>
      <c r="AY140" s="34"/>
      <c r="AZ140" s="34"/>
      <c r="BA140" s="34"/>
      <c r="BB140" s="34"/>
      <c r="BC140" s="34"/>
      <c r="BD140" s="34"/>
      <c r="BE140" s="34"/>
      <c r="BF140" s="34"/>
      <c r="BG140" s="34"/>
      <c r="BH140" s="34"/>
      <c r="BI140" s="34"/>
      <c r="BJ140" s="34"/>
      <c r="BK140" s="34"/>
      <c r="BL140" s="34"/>
      <c r="BM140" s="34"/>
      <c r="BN140" s="34"/>
      <c r="BO140" s="34"/>
      <c r="BP140" s="34"/>
      <c r="BU140" s="37"/>
    </row>
    <row r="141" spans="1:201" s="36" customFormat="1" ht="11.25" customHeight="1" x14ac:dyDescent="0.2">
      <c r="A141" s="34"/>
      <c r="B141" s="34"/>
      <c r="C141" s="34"/>
      <c r="D141" s="34"/>
      <c r="E141" s="34"/>
      <c r="F141" s="34"/>
      <c r="G141" s="34"/>
      <c r="H141" s="34"/>
      <c r="I141" s="34"/>
      <c r="J141" s="34"/>
      <c r="K141" s="34"/>
      <c r="L141" s="34"/>
      <c r="M141" s="34"/>
      <c r="N141" s="34"/>
      <c r="O141" s="34"/>
      <c r="P141" s="34"/>
      <c r="Q141" s="34"/>
      <c r="R141" s="34"/>
      <c r="S141" s="34"/>
      <c r="T141" s="34"/>
      <c r="U141" s="34"/>
      <c r="V141" s="34"/>
      <c r="W141" s="34"/>
      <c r="X141" s="34"/>
      <c r="Y141" s="34"/>
      <c r="Z141" s="34"/>
      <c r="AA141" s="34"/>
      <c r="AB141" s="34"/>
      <c r="AC141" s="34"/>
      <c r="AD141" s="34"/>
      <c r="AE141" s="34"/>
      <c r="AF141" s="34"/>
      <c r="AG141" s="34"/>
      <c r="AH141" s="34"/>
      <c r="AI141" s="34"/>
      <c r="AJ141" s="34"/>
      <c r="AK141" s="34"/>
      <c r="AL141" s="34"/>
      <c r="AM141" s="34"/>
      <c r="AN141" s="34"/>
      <c r="AO141" s="34"/>
      <c r="AP141" s="34"/>
      <c r="AQ141" s="34"/>
      <c r="AR141" s="34"/>
      <c r="AS141" s="34"/>
      <c r="AT141" s="34"/>
      <c r="AU141" s="34"/>
      <c r="AV141" s="34"/>
      <c r="AW141" s="34"/>
      <c r="AX141" s="34"/>
      <c r="AY141" s="34"/>
      <c r="AZ141" s="34"/>
      <c r="BA141" s="34"/>
      <c r="BB141" s="34"/>
      <c r="BC141" s="34"/>
      <c r="BD141" s="34"/>
      <c r="BE141" s="34"/>
      <c r="BF141" s="34"/>
      <c r="BG141" s="34"/>
      <c r="BH141" s="34"/>
      <c r="BI141" s="34"/>
      <c r="BJ141" s="34"/>
      <c r="BK141" s="34"/>
      <c r="BL141" s="34"/>
      <c r="BM141" s="34"/>
      <c r="BN141" s="34"/>
      <c r="BO141" s="34"/>
      <c r="BP141" s="34"/>
      <c r="BU141" s="37"/>
    </row>
    <row r="142" spans="1:201" s="36" customFormat="1" ht="11.25" customHeight="1" x14ac:dyDescent="0.2">
      <c r="A142" s="34"/>
      <c r="B142" s="34"/>
      <c r="C142" s="34"/>
      <c r="D142" s="34"/>
      <c r="E142" s="34"/>
      <c r="F142" s="34"/>
      <c r="G142" s="34"/>
      <c r="H142" s="34"/>
      <c r="I142" s="34"/>
      <c r="J142" s="34"/>
      <c r="K142" s="34"/>
      <c r="L142" s="34"/>
      <c r="M142" s="34"/>
      <c r="N142" s="34"/>
      <c r="O142" s="34"/>
      <c r="P142" s="34"/>
      <c r="Q142" s="34"/>
      <c r="R142" s="34"/>
      <c r="S142" s="34"/>
      <c r="T142" s="34"/>
      <c r="U142" s="34"/>
      <c r="V142" s="34"/>
      <c r="W142" s="34"/>
      <c r="X142" s="34"/>
      <c r="Y142" s="34"/>
      <c r="Z142" s="34"/>
      <c r="AA142" s="34"/>
      <c r="AB142" s="34"/>
      <c r="AC142" s="34"/>
      <c r="AD142" s="34"/>
      <c r="AE142" s="34"/>
      <c r="AF142" s="34"/>
      <c r="AG142" s="34"/>
      <c r="AH142" s="34"/>
      <c r="AI142" s="34"/>
      <c r="AJ142" s="34"/>
      <c r="AK142" s="34"/>
      <c r="AL142" s="34"/>
      <c r="AM142" s="34"/>
      <c r="AN142" s="34"/>
      <c r="AO142" s="34"/>
      <c r="AP142" s="34"/>
      <c r="AQ142" s="34"/>
      <c r="AR142" s="34"/>
      <c r="AS142" s="34"/>
      <c r="AT142" s="34"/>
      <c r="AU142" s="34"/>
      <c r="AV142" s="34"/>
      <c r="AW142" s="34"/>
      <c r="AX142" s="34"/>
      <c r="AY142" s="34"/>
      <c r="AZ142" s="34"/>
      <c r="BA142" s="34"/>
      <c r="BB142" s="34"/>
      <c r="BC142" s="34"/>
      <c r="BD142" s="34"/>
      <c r="BE142" s="34"/>
      <c r="BF142" s="34"/>
      <c r="BG142" s="34"/>
      <c r="BH142" s="34"/>
      <c r="BI142" s="34"/>
      <c r="BJ142" s="34"/>
      <c r="BK142" s="34"/>
      <c r="BL142" s="34"/>
      <c r="BM142" s="34"/>
      <c r="BN142" s="34"/>
      <c r="BO142" s="34"/>
      <c r="BP142" s="34"/>
      <c r="BU142" s="37"/>
    </row>
    <row r="143" spans="1:201" s="36" customFormat="1" ht="11.25" customHeight="1" x14ac:dyDescent="0.2">
      <c r="A143" s="34"/>
      <c r="B143" s="34"/>
      <c r="C143" s="34"/>
      <c r="D143" s="34"/>
      <c r="E143" s="34"/>
      <c r="F143" s="34"/>
      <c r="G143" s="34"/>
      <c r="H143" s="34"/>
      <c r="I143" s="34"/>
      <c r="J143" s="34"/>
      <c r="K143" s="34"/>
      <c r="L143" s="34"/>
      <c r="M143" s="34"/>
      <c r="N143" s="34"/>
      <c r="O143" s="34"/>
      <c r="P143" s="34"/>
      <c r="Q143" s="34"/>
      <c r="R143" s="34"/>
      <c r="S143" s="34"/>
      <c r="T143" s="34"/>
      <c r="U143" s="34"/>
      <c r="V143" s="34"/>
      <c r="W143" s="34"/>
      <c r="X143" s="34"/>
      <c r="Y143" s="34"/>
      <c r="Z143" s="34"/>
      <c r="AA143" s="34"/>
      <c r="AB143" s="34"/>
      <c r="AC143" s="34"/>
      <c r="AD143" s="34"/>
      <c r="AE143" s="34"/>
      <c r="AF143" s="34"/>
      <c r="AG143" s="34"/>
      <c r="AH143" s="34"/>
      <c r="AI143" s="34"/>
      <c r="AJ143" s="34"/>
      <c r="AK143" s="34"/>
      <c r="AL143" s="34"/>
      <c r="AM143" s="34"/>
      <c r="AN143" s="34"/>
      <c r="AO143" s="34"/>
      <c r="AP143" s="34"/>
      <c r="AQ143" s="34"/>
      <c r="AR143" s="34"/>
      <c r="AS143" s="34"/>
      <c r="AT143" s="34"/>
      <c r="AU143" s="34"/>
      <c r="AV143" s="34"/>
      <c r="AW143" s="34"/>
      <c r="AX143" s="34"/>
      <c r="AY143" s="34"/>
      <c r="AZ143" s="34"/>
      <c r="BA143" s="34"/>
      <c r="BB143" s="34"/>
      <c r="BC143" s="34"/>
      <c r="BD143" s="34"/>
      <c r="BE143" s="34"/>
      <c r="BF143" s="34"/>
      <c r="BG143" s="34"/>
      <c r="BH143" s="34"/>
      <c r="BI143" s="34"/>
      <c r="BJ143" s="34"/>
      <c r="BK143" s="34"/>
      <c r="BL143" s="34"/>
      <c r="BM143" s="34"/>
      <c r="BN143" s="34"/>
      <c r="BO143" s="34"/>
      <c r="BP143" s="34"/>
      <c r="BU143" s="37"/>
    </row>
    <row r="144" spans="1:201" s="36" customFormat="1" ht="11.25" customHeight="1" x14ac:dyDescent="0.2">
      <c r="A144" s="34"/>
      <c r="B144" s="34"/>
      <c r="C144" s="34"/>
      <c r="D144" s="34"/>
      <c r="E144" s="34"/>
      <c r="F144" s="34"/>
      <c r="G144" s="34"/>
      <c r="H144" s="34"/>
      <c r="I144" s="34"/>
      <c r="J144" s="34"/>
      <c r="K144" s="34"/>
      <c r="L144" s="34"/>
      <c r="M144" s="34"/>
      <c r="N144" s="34"/>
      <c r="O144" s="34"/>
      <c r="P144" s="34"/>
      <c r="Q144" s="34"/>
      <c r="R144" s="34"/>
      <c r="S144" s="34"/>
      <c r="T144" s="34"/>
      <c r="U144" s="34"/>
      <c r="V144" s="34"/>
      <c r="W144" s="34"/>
      <c r="X144" s="34"/>
      <c r="Y144" s="34"/>
      <c r="Z144" s="34"/>
      <c r="AA144" s="34"/>
      <c r="AB144" s="34"/>
      <c r="AC144" s="34"/>
      <c r="AD144" s="34"/>
      <c r="AE144" s="34"/>
      <c r="AF144" s="34"/>
      <c r="AG144" s="34"/>
      <c r="AH144" s="34"/>
      <c r="AI144" s="34"/>
      <c r="AJ144" s="34"/>
      <c r="AK144" s="34"/>
      <c r="AL144" s="34"/>
      <c r="AM144" s="34"/>
      <c r="AN144" s="34"/>
      <c r="AO144" s="34"/>
      <c r="AP144" s="34"/>
      <c r="AQ144" s="34"/>
      <c r="AR144" s="34"/>
      <c r="AS144" s="34"/>
      <c r="AT144" s="34"/>
      <c r="AU144" s="34"/>
      <c r="AV144" s="34"/>
      <c r="AW144" s="34"/>
      <c r="AX144" s="34"/>
      <c r="AY144" s="34"/>
      <c r="AZ144" s="34"/>
      <c r="BA144" s="34"/>
      <c r="BB144" s="34"/>
      <c r="BC144" s="34"/>
      <c r="BD144" s="34"/>
      <c r="BE144" s="34"/>
      <c r="BF144" s="34"/>
      <c r="BG144" s="34"/>
      <c r="BH144" s="34"/>
      <c r="BI144" s="34"/>
      <c r="BJ144" s="34"/>
      <c r="BK144" s="34"/>
      <c r="BL144" s="34"/>
      <c r="BM144" s="34"/>
      <c r="BN144" s="34"/>
      <c r="BO144" s="34"/>
      <c r="BP144" s="34"/>
      <c r="BU144" s="37"/>
    </row>
    <row r="145" spans="1:73" s="36" customFormat="1" ht="11.25" customHeight="1" x14ac:dyDescent="0.2">
      <c r="A145" s="37"/>
      <c r="B145" s="37"/>
      <c r="C145" s="37"/>
      <c r="D145" s="37"/>
      <c r="E145" s="37"/>
      <c r="F145" s="37"/>
      <c r="G145" s="37"/>
      <c r="H145" s="37"/>
      <c r="I145" s="37"/>
      <c r="J145" s="37"/>
      <c r="K145" s="37"/>
      <c r="L145" s="37"/>
      <c r="M145" s="37"/>
      <c r="N145" s="37"/>
      <c r="O145" s="37"/>
      <c r="P145" s="37"/>
      <c r="Q145" s="37"/>
      <c r="R145" s="37"/>
      <c r="S145" s="37"/>
      <c r="T145" s="37"/>
      <c r="U145" s="37"/>
      <c r="V145" s="37"/>
      <c r="W145" s="37"/>
      <c r="X145" s="37"/>
      <c r="Y145" s="37"/>
      <c r="Z145" s="37"/>
      <c r="AA145" s="37"/>
      <c r="AB145" s="37"/>
      <c r="AC145" s="37"/>
      <c r="AD145" s="37"/>
      <c r="AE145" s="37"/>
      <c r="AF145" s="37"/>
      <c r="AG145" s="37"/>
      <c r="AH145" s="37"/>
      <c r="AI145" s="37"/>
      <c r="AJ145" s="37"/>
      <c r="AK145" s="37"/>
      <c r="AL145" s="37"/>
      <c r="AM145" s="37"/>
      <c r="AN145" s="37"/>
      <c r="AO145" s="37"/>
      <c r="AP145" s="37"/>
      <c r="AQ145" s="37"/>
      <c r="AR145" s="37"/>
      <c r="AS145" s="37"/>
      <c r="AT145" s="37"/>
      <c r="AU145" s="37"/>
      <c r="AV145" s="37"/>
      <c r="AW145" s="37"/>
      <c r="AX145" s="37"/>
      <c r="AY145" s="37"/>
      <c r="AZ145" s="37"/>
      <c r="BA145" s="37"/>
      <c r="BB145" s="37"/>
      <c r="BC145" s="37"/>
      <c r="BD145" s="37"/>
      <c r="BE145" s="37"/>
      <c r="BF145" s="37"/>
      <c r="BG145" s="37"/>
      <c r="BH145" s="37"/>
      <c r="BI145" s="37"/>
      <c r="BJ145" s="37"/>
      <c r="BK145" s="37"/>
      <c r="BL145" s="37"/>
      <c r="BM145" s="37"/>
      <c r="BN145" s="37"/>
      <c r="BO145" s="37"/>
      <c r="BP145" s="37"/>
      <c r="BU145" s="37"/>
    </row>
    <row r="146" spans="1:73" s="36" customFormat="1" ht="9.75" customHeight="1" x14ac:dyDescent="0.2">
      <c r="A146" s="37"/>
      <c r="B146" s="37"/>
      <c r="C146" s="37"/>
      <c r="D146" s="37"/>
      <c r="E146" s="37"/>
      <c r="F146" s="37"/>
      <c r="G146" s="37"/>
      <c r="H146" s="37"/>
      <c r="I146" s="37"/>
      <c r="J146" s="37"/>
      <c r="K146" s="37"/>
      <c r="L146" s="37"/>
      <c r="M146" s="37"/>
      <c r="N146" s="37"/>
      <c r="O146" s="37"/>
      <c r="P146" s="37"/>
      <c r="Q146" s="37"/>
      <c r="R146" s="37"/>
      <c r="S146" s="37"/>
      <c r="T146" s="37"/>
      <c r="U146" s="37"/>
      <c r="V146" s="37"/>
      <c r="W146" s="37"/>
      <c r="X146" s="37"/>
      <c r="Y146" s="37"/>
      <c r="Z146" s="37"/>
      <c r="AA146" s="37"/>
      <c r="AB146" s="37"/>
      <c r="AC146" s="37"/>
      <c r="AD146" s="37"/>
      <c r="AE146" s="37"/>
      <c r="AF146" s="37"/>
      <c r="AG146" s="37"/>
      <c r="AH146" s="37"/>
      <c r="AI146" s="37"/>
      <c r="AJ146" s="37"/>
      <c r="AK146" s="37"/>
      <c r="AL146" s="37"/>
      <c r="AM146" s="37"/>
      <c r="AN146" s="37"/>
      <c r="AO146" s="37"/>
      <c r="AP146" s="37"/>
      <c r="AQ146" s="37"/>
      <c r="AR146" s="37"/>
      <c r="AS146" s="37"/>
      <c r="AT146" s="37"/>
      <c r="AU146" s="37"/>
      <c r="AV146" s="37"/>
      <c r="AW146" s="37"/>
      <c r="AX146" s="37"/>
      <c r="AY146" s="37"/>
      <c r="AZ146" s="37"/>
      <c r="BA146" s="37"/>
      <c r="BB146" s="37"/>
      <c r="BC146" s="37"/>
      <c r="BD146" s="37"/>
      <c r="BE146" s="37"/>
      <c r="BF146" s="37"/>
      <c r="BG146" s="37"/>
      <c r="BH146" s="37"/>
      <c r="BI146" s="37"/>
      <c r="BJ146" s="37"/>
      <c r="BK146" s="37"/>
      <c r="BL146" s="37"/>
      <c r="BM146" s="37"/>
      <c r="BN146" s="37"/>
      <c r="BO146" s="37"/>
      <c r="BP146" s="37"/>
      <c r="BU146" s="37"/>
    </row>
    <row r="147" spans="1:73" s="36" customFormat="1" ht="13.5" customHeight="1" x14ac:dyDescent="0.2">
      <c r="A147" s="37"/>
      <c r="B147" s="37"/>
      <c r="C147" s="37"/>
      <c r="D147" s="37"/>
      <c r="E147" s="37"/>
      <c r="F147" s="37"/>
      <c r="G147" s="37"/>
      <c r="H147" s="37"/>
      <c r="I147" s="37"/>
      <c r="J147" s="37"/>
      <c r="K147" s="37"/>
      <c r="L147" s="37"/>
      <c r="M147" s="37"/>
      <c r="N147" s="37"/>
      <c r="O147" s="37"/>
      <c r="P147" s="37"/>
      <c r="Q147" s="37"/>
      <c r="R147" s="37"/>
      <c r="S147" s="37"/>
      <c r="T147" s="37"/>
      <c r="U147" s="37"/>
      <c r="V147" s="37"/>
      <c r="W147" s="37"/>
      <c r="X147" s="37"/>
      <c r="Y147" s="37"/>
      <c r="Z147" s="37"/>
      <c r="AA147" s="37"/>
      <c r="AB147" s="37"/>
      <c r="AC147" s="37"/>
      <c r="AD147" s="37"/>
      <c r="AE147" s="37"/>
      <c r="AF147" s="37"/>
      <c r="AG147" s="37"/>
      <c r="AH147" s="37"/>
      <c r="AI147" s="37"/>
      <c r="AJ147" s="37"/>
      <c r="AK147" s="37"/>
      <c r="AL147" s="37"/>
      <c r="AM147" s="37"/>
      <c r="AN147" s="37"/>
      <c r="AO147" s="37"/>
      <c r="AP147" s="37"/>
      <c r="AQ147" s="37"/>
      <c r="AR147" s="37"/>
      <c r="AS147" s="37"/>
      <c r="AT147" s="37"/>
      <c r="AU147" s="37"/>
      <c r="AV147" s="37"/>
      <c r="AW147" s="37"/>
      <c r="AX147" s="37"/>
      <c r="AY147" s="37"/>
      <c r="AZ147" s="37"/>
      <c r="BA147" s="37"/>
      <c r="BB147" s="37"/>
      <c r="BC147" s="37"/>
      <c r="BD147" s="37"/>
      <c r="BE147" s="37"/>
      <c r="BF147" s="37"/>
      <c r="BG147" s="37"/>
      <c r="BH147" s="37"/>
      <c r="BI147" s="37"/>
      <c r="BJ147" s="37"/>
      <c r="BK147" s="37"/>
      <c r="BL147" s="37"/>
      <c r="BM147" s="37"/>
      <c r="BN147" s="37"/>
      <c r="BO147" s="37"/>
      <c r="BP147" s="37"/>
      <c r="BU147" s="37"/>
    </row>
    <row r="148" spans="1:73" s="36" customFormat="1" ht="5.25" customHeight="1" x14ac:dyDescent="0.2">
      <c r="A148" s="37"/>
      <c r="B148" s="37"/>
      <c r="C148" s="37"/>
      <c r="D148" s="37"/>
      <c r="E148" s="37"/>
      <c r="F148" s="37"/>
      <c r="G148" s="37"/>
      <c r="H148" s="37"/>
      <c r="I148" s="37"/>
      <c r="J148" s="37"/>
      <c r="K148" s="37"/>
      <c r="L148" s="37"/>
      <c r="M148" s="37"/>
      <c r="N148" s="37"/>
      <c r="O148" s="37"/>
      <c r="P148" s="37"/>
      <c r="Q148" s="37"/>
      <c r="R148" s="37"/>
      <c r="S148" s="37"/>
      <c r="T148" s="37"/>
      <c r="U148" s="37"/>
      <c r="V148" s="37"/>
      <c r="W148" s="37"/>
      <c r="X148" s="37"/>
      <c r="Y148" s="37"/>
      <c r="Z148" s="37"/>
      <c r="AA148" s="37"/>
      <c r="AB148" s="37"/>
      <c r="AC148" s="37"/>
      <c r="AD148" s="37"/>
      <c r="AE148" s="37"/>
      <c r="AF148" s="37"/>
      <c r="AG148" s="37"/>
      <c r="AH148" s="37"/>
      <c r="AI148" s="37"/>
      <c r="AJ148" s="37"/>
      <c r="AK148" s="37"/>
      <c r="AL148" s="37"/>
      <c r="AM148" s="37"/>
      <c r="AN148" s="37"/>
      <c r="AO148" s="37"/>
      <c r="AP148" s="37"/>
      <c r="AQ148" s="37"/>
      <c r="AR148" s="37"/>
      <c r="AS148" s="37"/>
      <c r="AT148" s="37"/>
      <c r="AU148" s="37"/>
      <c r="AV148" s="37"/>
      <c r="AW148" s="37"/>
      <c r="AX148" s="37"/>
      <c r="AY148" s="37"/>
      <c r="AZ148" s="37"/>
      <c r="BA148" s="37"/>
      <c r="BB148" s="37"/>
      <c r="BC148" s="37"/>
      <c r="BD148" s="37"/>
      <c r="BE148" s="37"/>
      <c r="BF148" s="37"/>
      <c r="BG148" s="37"/>
      <c r="BH148" s="37"/>
      <c r="BI148" s="37"/>
      <c r="BJ148" s="37"/>
      <c r="BK148" s="37"/>
      <c r="BL148" s="37"/>
      <c r="BM148" s="37"/>
      <c r="BN148" s="37"/>
      <c r="BO148" s="37"/>
      <c r="BP148" s="37"/>
      <c r="BU148" s="37"/>
    </row>
    <row r="149" spans="1:73" s="36" customFormat="1" ht="6.75" customHeight="1" x14ac:dyDescent="0.2">
      <c r="A149" s="37"/>
      <c r="B149" s="37"/>
      <c r="C149" s="37"/>
      <c r="D149" s="37"/>
      <c r="E149" s="37"/>
      <c r="F149" s="37"/>
      <c r="G149" s="37"/>
      <c r="H149" s="37"/>
      <c r="I149" s="37"/>
      <c r="J149" s="37"/>
      <c r="K149" s="37"/>
      <c r="L149" s="37"/>
      <c r="M149" s="37"/>
      <c r="N149" s="37"/>
      <c r="O149" s="37"/>
      <c r="P149" s="37"/>
      <c r="Q149" s="37"/>
      <c r="R149" s="37"/>
      <c r="S149" s="37"/>
      <c r="T149" s="37"/>
      <c r="U149" s="37"/>
      <c r="V149" s="37"/>
      <c r="W149" s="37"/>
      <c r="X149" s="37"/>
      <c r="Y149" s="37"/>
      <c r="Z149" s="37"/>
      <c r="AA149" s="37"/>
      <c r="AB149" s="37"/>
      <c r="AC149" s="37"/>
      <c r="AD149" s="37"/>
      <c r="AE149" s="37"/>
      <c r="AF149" s="37"/>
      <c r="AG149" s="37"/>
      <c r="AH149" s="37"/>
      <c r="AI149" s="37"/>
      <c r="AJ149" s="37"/>
      <c r="AK149" s="37"/>
      <c r="AL149" s="37"/>
      <c r="AM149" s="37"/>
      <c r="AN149" s="37"/>
      <c r="AO149" s="37"/>
      <c r="AP149" s="37"/>
      <c r="AQ149" s="37"/>
      <c r="AR149" s="37"/>
      <c r="AS149" s="37"/>
      <c r="AT149" s="37"/>
      <c r="AU149" s="37"/>
      <c r="AV149" s="37"/>
      <c r="AW149" s="37"/>
      <c r="AX149" s="37"/>
      <c r="AY149" s="37"/>
      <c r="AZ149" s="37"/>
      <c r="BA149" s="37"/>
      <c r="BB149" s="37"/>
      <c r="BC149" s="37"/>
      <c r="BD149" s="37"/>
      <c r="BE149" s="37"/>
      <c r="BF149" s="37"/>
      <c r="BG149" s="37"/>
      <c r="BH149" s="37"/>
      <c r="BI149" s="37"/>
      <c r="BJ149" s="37"/>
      <c r="BK149" s="37"/>
      <c r="BL149" s="37"/>
      <c r="BM149" s="37"/>
      <c r="BN149" s="37"/>
      <c r="BO149" s="37"/>
      <c r="BP149" s="37"/>
      <c r="BU149" s="37"/>
    </row>
    <row r="150" spans="1:73" s="36" customFormat="1" ht="6.75" customHeight="1" x14ac:dyDescent="0.2">
      <c r="A150" s="37"/>
      <c r="B150" s="37"/>
      <c r="C150" s="37"/>
      <c r="D150" s="37"/>
      <c r="E150" s="37"/>
      <c r="F150" s="37"/>
      <c r="G150" s="37"/>
      <c r="H150" s="37"/>
      <c r="I150" s="37"/>
      <c r="J150" s="37"/>
      <c r="K150" s="37"/>
      <c r="L150" s="37"/>
      <c r="M150" s="37"/>
      <c r="N150" s="37"/>
      <c r="O150" s="37"/>
      <c r="P150" s="37"/>
      <c r="Q150" s="37"/>
      <c r="R150" s="37"/>
      <c r="S150" s="37"/>
      <c r="T150" s="37"/>
      <c r="U150" s="37"/>
      <c r="V150" s="37"/>
      <c r="W150" s="37"/>
      <c r="X150" s="37"/>
      <c r="Y150" s="37"/>
      <c r="Z150" s="37"/>
      <c r="AA150" s="37"/>
      <c r="AB150" s="37"/>
      <c r="AC150" s="37"/>
      <c r="AD150" s="37"/>
      <c r="AE150" s="37"/>
      <c r="AF150" s="37"/>
      <c r="AG150" s="37"/>
      <c r="AH150" s="37"/>
      <c r="AI150" s="37"/>
      <c r="AJ150" s="37"/>
      <c r="AK150" s="37"/>
      <c r="AL150" s="37"/>
      <c r="AM150" s="37"/>
      <c r="AN150" s="37"/>
      <c r="AO150" s="37"/>
      <c r="AP150" s="37"/>
      <c r="AQ150" s="37"/>
      <c r="AR150" s="37"/>
      <c r="AS150" s="37"/>
      <c r="AT150" s="37"/>
      <c r="AU150" s="37"/>
      <c r="AV150" s="37"/>
      <c r="AW150" s="37"/>
      <c r="AX150" s="37"/>
      <c r="AY150" s="37"/>
      <c r="AZ150" s="37"/>
      <c r="BA150" s="37"/>
      <c r="BB150" s="37"/>
      <c r="BC150" s="37"/>
      <c r="BD150" s="37"/>
      <c r="BE150" s="37"/>
      <c r="BF150" s="37"/>
      <c r="BG150" s="37"/>
      <c r="BH150" s="37"/>
      <c r="BI150" s="37"/>
      <c r="BJ150" s="37"/>
      <c r="BK150" s="37"/>
      <c r="BL150" s="37"/>
      <c r="BM150" s="37"/>
      <c r="BN150" s="37"/>
      <c r="BO150" s="37"/>
      <c r="BP150" s="37"/>
      <c r="BU150" s="37"/>
    </row>
    <row r="151" spans="1:73" s="36" customFormat="1" ht="6.75" customHeight="1" x14ac:dyDescent="0.2">
      <c r="A151" s="37"/>
      <c r="B151" s="37"/>
      <c r="C151" s="37"/>
      <c r="D151" s="37"/>
      <c r="E151" s="37"/>
      <c r="F151" s="37"/>
      <c r="G151" s="37"/>
      <c r="H151" s="37"/>
      <c r="I151" s="37"/>
      <c r="J151" s="37"/>
      <c r="K151" s="37"/>
      <c r="L151" s="37"/>
      <c r="M151" s="37"/>
      <c r="N151" s="37"/>
      <c r="O151" s="37"/>
      <c r="P151" s="37"/>
      <c r="Q151" s="37"/>
      <c r="R151" s="37"/>
      <c r="S151" s="37"/>
      <c r="T151" s="37"/>
      <c r="U151" s="37"/>
      <c r="V151" s="37"/>
      <c r="W151" s="37"/>
      <c r="X151" s="37"/>
      <c r="Y151" s="37"/>
      <c r="Z151" s="37"/>
      <c r="AA151" s="37"/>
      <c r="AB151" s="37"/>
      <c r="AC151" s="37"/>
      <c r="AD151" s="37"/>
      <c r="AE151" s="37"/>
      <c r="AF151" s="37"/>
      <c r="AG151" s="37"/>
      <c r="AH151" s="37"/>
      <c r="AI151" s="37"/>
      <c r="AJ151" s="37"/>
      <c r="AK151" s="37"/>
      <c r="AL151" s="37"/>
      <c r="AM151" s="37"/>
      <c r="AN151" s="37"/>
      <c r="AO151" s="37"/>
      <c r="AP151" s="37"/>
      <c r="AQ151" s="37"/>
      <c r="AR151" s="37"/>
      <c r="AS151" s="37"/>
      <c r="AT151" s="37"/>
      <c r="AU151" s="37"/>
      <c r="AV151" s="37"/>
      <c r="AW151" s="37"/>
      <c r="AX151" s="37"/>
      <c r="AY151" s="37"/>
      <c r="AZ151" s="37"/>
      <c r="BA151" s="37"/>
      <c r="BB151" s="37"/>
      <c r="BC151" s="37"/>
      <c r="BD151" s="37"/>
      <c r="BE151" s="37"/>
      <c r="BF151" s="37"/>
      <c r="BG151" s="37"/>
      <c r="BH151" s="37"/>
      <c r="BI151" s="37"/>
      <c r="BJ151" s="37"/>
      <c r="BK151" s="37"/>
      <c r="BL151" s="37"/>
      <c r="BM151" s="37"/>
      <c r="BN151" s="37"/>
      <c r="BO151" s="37"/>
      <c r="BP151" s="37"/>
      <c r="BQ151" s="37"/>
      <c r="BR151" s="37"/>
      <c r="BS151" s="37"/>
      <c r="BT151" s="37"/>
      <c r="BU151" s="37"/>
    </row>
    <row r="152" spans="1:73" s="36" customFormat="1" ht="5.25" customHeight="1" x14ac:dyDescent="0.2">
      <c r="A152" s="37"/>
      <c r="B152" s="37"/>
      <c r="C152" s="37"/>
      <c r="D152" s="37"/>
      <c r="E152" s="37"/>
      <c r="F152" s="37"/>
      <c r="G152" s="37"/>
      <c r="H152" s="37"/>
      <c r="I152" s="37"/>
      <c r="J152" s="37"/>
      <c r="K152" s="37"/>
      <c r="L152" s="37"/>
      <c r="M152" s="37"/>
      <c r="N152" s="37"/>
      <c r="O152" s="37"/>
      <c r="P152" s="37"/>
      <c r="Q152" s="37"/>
      <c r="R152" s="37"/>
      <c r="S152" s="37"/>
      <c r="T152" s="37"/>
      <c r="U152" s="37"/>
      <c r="V152" s="37"/>
      <c r="W152" s="37"/>
      <c r="X152" s="37"/>
      <c r="Y152" s="37"/>
      <c r="Z152" s="37"/>
      <c r="AA152" s="37"/>
      <c r="AB152" s="37"/>
      <c r="AC152" s="37"/>
      <c r="AD152" s="37"/>
      <c r="AE152" s="37"/>
      <c r="AF152" s="37"/>
      <c r="AG152" s="37"/>
      <c r="AH152" s="37"/>
      <c r="AI152" s="37"/>
      <c r="AJ152" s="37"/>
      <c r="AK152" s="37"/>
      <c r="AL152" s="37"/>
      <c r="AM152" s="37"/>
      <c r="AN152" s="37"/>
      <c r="AO152" s="37"/>
      <c r="AP152" s="37"/>
      <c r="AQ152" s="37"/>
      <c r="AR152" s="37"/>
      <c r="AS152" s="37"/>
      <c r="AT152" s="37"/>
      <c r="AU152" s="37"/>
      <c r="AV152" s="37"/>
      <c r="AW152" s="37"/>
      <c r="AX152" s="37"/>
      <c r="AY152" s="37"/>
      <c r="AZ152" s="37"/>
      <c r="BA152" s="37"/>
      <c r="BB152" s="37"/>
      <c r="BC152" s="37"/>
      <c r="BD152" s="37"/>
      <c r="BE152" s="37"/>
      <c r="BF152" s="37"/>
      <c r="BG152" s="37"/>
      <c r="BH152" s="37"/>
      <c r="BI152" s="37"/>
      <c r="BJ152" s="37"/>
      <c r="BK152" s="37"/>
      <c r="BL152" s="37"/>
      <c r="BM152" s="37"/>
      <c r="BN152" s="37"/>
      <c r="BO152" s="37"/>
      <c r="BP152" s="37"/>
      <c r="BQ152" s="37"/>
      <c r="BR152" s="37"/>
      <c r="BS152" s="37"/>
      <c r="BT152" s="37"/>
      <c r="BU152" s="37"/>
    </row>
    <row r="153" spans="1:73" s="36" customFormat="1" ht="10" customHeight="1" x14ac:dyDescent="0.2">
      <c r="A153" s="37"/>
      <c r="B153" s="37"/>
      <c r="C153" s="37"/>
      <c r="D153" s="37"/>
      <c r="E153" s="37"/>
      <c r="F153" s="37"/>
      <c r="G153" s="37"/>
      <c r="H153" s="37"/>
      <c r="I153" s="37"/>
      <c r="J153" s="37"/>
      <c r="K153" s="37"/>
      <c r="L153" s="37"/>
      <c r="M153" s="37"/>
      <c r="N153" s="37"/>
      <c r="O153" s="37"/>
      <c r="P153" s="37"/>
      <c r="Q153" s="37"/>
      <c r="R153" s="37"/>
      <c r="S153" s="37"/>
      <c r="T153" s="37"/>
      <c r="U153" s="37"/>
      <c r="V153" s="37"/>
      <c r="W153" s="37"/>
      <c r="X153" s="37"/>
      <c r="Y153" s="37"/>
      <c r="Z153" s="37"/>
      <c r="AA153" s="37"/>
      <c r="AB153" s="37"/>
      <c r="AC153" s="37"/>
      <c r="AD153" s="37"/>
      <c r="AE153" s="37"/>
      <c r="AF153" s="37"/>
      <c r="AG153" s="37"/>
      <c r="AH153" s="37"/>
      <c r="AI153" s="37"/>
      <c r="AJ153" s="37"/>
      <c r="AK153" s="37"/>
      <c r="AL153" s="37"/>
      <c r="AM153" s="37"/>
      <c r="AN153" s="37"/>
      <c r="AO153" s="37"/>
      <c r="AP153" s="37"/>
      <c r="AQ153" s="37"/>
      <c r="AR153" s="37"/>
      <c r="AS153" s="37"/>
      <c r="AT153" s="37"/>
      <c r="AU153" s="37"/>
      <c r="AV153" s="37"/>
      <c r="AW153" s="37"/>
      <c r="AX153" s="37"/>
      <c r="AY153" s="37"/>
      <c r="AZ153" s="37"/>
      <c r="BA153" s="37"/>
      <c r="BB153" s="37"/>
      <c r="BC153" s="37"/>
      <c r="BD153" s="37"/>
      <c r="BE153" s="37"/>
      <c r="BF153" s="37"/>
      <c r="BG153" s="37"/>
      <c r="BH153" s="37"/>
      <c r="BI153" s="37"/>
      <c r="BJ153" s="37"/>
      <c r="BK153" s="37"/>
      <c r="BL153" s="37"/>
      <c r="BM153" s="37"/>
      <c r="BN153" s="37"/>
      <c r="BO153" s="37"/>
      <c r="BP153" s="37"/>
      <c r="BQ153" s="37"/>
      <c r="BR153" s="37"/>
      <c r="BS153" s="37"/>
      <c r="BT153" s="37"/>
      <c r="BU153" s="37"/>
    </row>
    <row r="154" spans="1:73" s="36" customFormat="1" ht="10" customHeight="1" x14ac:dyDescent="0.2">
      <c r="A154" s="37"/>
      <c r="B154" s="37"/>
      <c r="C154" s="37"/>
      <c r="D154" s="37"/>
      <c r="E154" s="37"/>
      <c r="F154" s="37"/>
      <c r="G154" s="37"/>
      <c r="H154" s="37"/>
      <c r="I154" s="37"/>
      <c r="J154" s="37"/>
      <c r="K154" s="37"/>
      <c r="L154" s="37"/>
      <c r="M154" s="37"/>
      <c r="N154" s="37"/>
      <c r="O154" s="37"/>
      <c r="P154" s="37"/>
      <c r="Q154" s="37"/>
      <c r="R154" s="37"/>
      <c r="S154" s="37"/>
      <c r="T154" s="37"/>
      <c r="U154" s="37"/>
      <c r="V154" s="37"/>
      <c r="W154" s="37"/>
      <c r="X154" s="37"/>
      <c r="Y154" s="37"/>
      <c r="Z154" s="37"/>
      <c r="AA154" s="37"/>
      <c r="AB154" s="37"/>
      <c r="AC154" s="37"/>
      <c r="AD154" s="37"/>
      <c r="AE154" s="37"/>
      <c r="AF154" s="37"/>
      <c r="AG154" s="37"/>
      <c r="AH154" s="37"/>
      <c r="AI154" s="37"/>
      <c r="AJ154" s="37"/>
      <c r="AK154" s="37"/>
      <c r="AL154" s="37"/>
      <c r="AM154" s="37"/>
      <c r="AN154" s="37"/>
      <c r="AO154" s="37"/>
      <c r="AP154" s="37"/>
      <c r="AQ154" s="37"/>
      <c r="AR154" s="37"/>
      <c r="AS154" s="37"/>
      <c r="AT154" s="37"/>
      <c r="AU154" s="37"/>
      <c r="AV154" s="37"/>
      <c r="AW154" s="37"/>
      <c r="AX154" s="37"/>
      <c r="AY154" s="37"/>
      <c r="AZ154" s="37"/>
      <c r="BA154" s="37"/>
      <c r="BB154" s="37"/>
      <c r="BC154" s="37"/>
      <c r="BD154" s="37"/>
      <c r="BE154" s="37"/>
      <c r="BF154" s="37"/>
      <c r="BG154" s="37"/>
      <c r="BH154" s="37"/>
      <c r="BI154" s="37"/>
      <c r="BJ154" s="37"/>
      <c r="BK154" s="37"/>
      <c r="BL154" s="37"/>
      <c r="BM154" s="37"/>
      <c r="BN154" s="37"/>
      <c r="BO154" s="37"/>
      <c r="BP154" s="37"/>
      <c r="BQ154" s="37"/>
      <c r="BR154" s="37"/>
      <c r="BS154" s="37"/>
      <c r="BT154" s="37"/>
      <c r="BU154" s="37"/>
    </row>
    <row r="155" spans="1:73" s="36" customFormat="1" ht="10" customHeight="1" x14ac:dyDescent="0.2">
      <c r="A155" s="37"/>
      <c r="B155" s="37"/>
      <c r="C155" s="37"/>
      <c r="D155" s="37"/>
      <c r="E155" s="37"/>
      <c r="F155" s="37"/>
      <c r="G155" s="37"/>
      <c r="H155" s="37"/>
      <c r="I155" s="37"/>
      <c r="J155" s="37"/>
      <c r="K155" s="37"/>
      <c r="L155" s="37"/>
      <c r="M155" s="37"/>
      <c r="N155" s="37"/>
      <c r="O155" s="37"/>
      <c r="P155" s="37"/>
      <c r="Q155" s="37"/>
      <c r="R155" s="37"/>
      <c r="S155" s="37"/>
      <c r="T155" s="37"/>
      <c r="U155" s="37"/>
      <c r="V155" s="37"/>
      <c r="W155" s="37"/>
      <c r="X155" s="37"/>
      <c r="Y155" s="37"/>
      <c r="Z155" s="37"/>
      <c r="AA155" s="37"/>
      <c r="AB155" s="37"/>
      <c r="AC155" s="37"/>
      <c r="AD155" s="37"/>
      <c r="AE155" s="37"/>
      <c r="AF155" s="37"/>
      <c r="AG155" s="37"/>
      <c r="AH155" s="37"/>
      <c r="AI155" s="37"/>
      <c r="AJ155" s="37"/>
      <c r="AK155" s="37"/>
      <c r="AL155" s="37"/>
      <c r="AM155" s="37"/>
      <c r="AN155" s="37"/>
      <c r="AO155" s="37"/>
      <c r="AP155" s="37"/>
      <c r="AQ155" s="37"/>
      <c r="AR155" s="37"/>
      <c r="AS155" s="37"/>
      <c r="AT155" s="37"/>
      <c r="AU155" s="37"/>
      <c r="AV155" s="37"/>
      <c r="AW155" s="37"/>
      <c r="AX155" s="37"/>
      <c r="AY155" s="37"/>
      <c r="AZ155" s="37"/>
      <c r="BA155" s="37"/>
      <c r="BB155" s="37"/>
      <c r="BC155" s="37"/>
      <c r="BD155" s="37"/>
      <c r="BE155" s="37"/>
      <c r="BF155" s="37"/>
      <c r="BG155" s="37"/>
      <c r="BH155" s="37"/>
      <c r="BI155" s="37"/>
      <c r="BJ155" s="37"/>
      <c r="BK155" s="37"/>
      <c r="BL155" s="37"/>
      <c r="BM155" s="37"/>
      <c r="BN155" s="37"/>
      <c r="BO155" s="37"/>
      <c r="BP155" s="37"/>
      <c r="BQ155" s="37"/>
      <c r="BR155" s="37"/>
      <c r="BS155" s="37"/>
      <c r="BT155" s="37"/>
      <c r="BU155" s="37"/>
    </row>
    <row r="156" spans="1:73" s="36" customFormat="1" ht="10" customHeight="1" x14ac:dyDescent="0.2">
      <c r="A156" s="37"/>
      <c r="B156" s="37"/>
      <c r="C156" s="37"/>
      <c r="D156" s="37"/>
      <c r="E156" s="37"/>
      <c r="F156" s="37"/>
      <c r="G156" s="37"/>
      <c r="H156" s="37"/>
      <c r="I156" s="37"/>
      <c r="J156" s="37"/>
      <c r="K156" s="37"/>
      <c r="L156" s="37"/>
      <c r="M156" s="37"/>
      <c r="N156" s="37"/>
      <c r="O156" s="37"/>
      <c r="P156" s="37"/>
      <c r="Q156" s="37"/>
      <c r="R156" s="37"/>
      <c r="S156" s="37"/>
      <c r="T156" s="37"/>
      <c r="U156" s="37"/>
      <c r="V156" s="37"/>
      <c r="W156" s="37"/>
      <c r="X156" s="37"/>
      <c r="Y156" s="37"/>
      <c r="Z156" s="37"/>
      <c r="AA156" s="37"/>
      <c r="AB156" s="37"/>
      <c r="AC156" s="37"/>
      <c r="AD156" s="37"/>
      <c r="AE156" s="37"/>
      <c r="AF156" s="37"/>
      <c r="AG156" s="37"/>
      <c r="AH156" s="37"/>
      <c r="AI156" s="37"/>
      <c r="AJ156" s="37"/>
      <c r="AK156" s="37"/>
      <c r="AL156" s="37"/>
      <c r="AM156" s="37"/>
      <c r="AN156" s="37"/>
      <c r="AO156" s="37"/>
      <c r="AP156" s="37"/>
      <c r="AQ156" s="37"/>
      <c r="AR156" s="37"/>
      <c r="AS156" s="37"/>
      <c r="AT156" s="37"/>
      <c r="AU156" s="37"/>
      <c r="AV156" s="37"/>
      <c r="AW156" s="37"/>
      <c r="AX156" s="37"/>
      <c r="AY156" s="37"/>
      <c r="AZ156" s="37"/>
      <c r="BA156" s="37"/>
      <c r="BB156" s="37"/>
      <c r="BC156" s="37"/>
      <c r="BD156" s="37"/>
      <c r="BE156" s="37"/>
      <c r="BF156" s="37"/>
      <c r="BG156" s="37"/>
      <c r="BH156" s="37"/>
      <c r="BI156" s="37"/>
      <c r="BJ156" s="37"/>
      <c r="BK156" s="37"/>
      <c r="BL156" s="37"/>
      <c r="BM156" s="37"/>
      <c r="BN156" s="37"/>
      <c r="BO156" s="37"/>
      <c r="BP156" s="37"/>
      <c r="BQ156" s="37"/>
      <c r="BR156" s="37"/>
      <c r="BS156" s="37"/>
      <c r="BT156" s="37"/>
      <c r="BU156" s="37"/>
    </row>
    <row r="157" spans="1:73" s="36" customFormat="1" ht="10" customHeight="1" x14ac:dyDescent="0.2">
      <c r="A157" s="37"/>
      <c r="B157" s="37"/>
      <c r="C157" s="37"/>
      <c r="D157" s="37"/>
      <c r="E157" s="37"/>
      <c r="F157" s="37"/>
      <c r="G157" s="37"/>
      <c r="H157" s="37"/>
      <c r="I157" s="37"/>
      <c r="J157" s="37"/>
      <c r="K157" s="37"/>
      <c r="L157" s="37"/>
      <c r="M157" s="37"/>
      <c r="N157" s="37"/>
      <c r="O157" s="37"/>
      <c r="P157" s="37"/>
      <c r="Q157" s="37"/>
      <c r="R157" s="37"/>
      <c r="S157" s="37"/>
      <c r="T157" s="37"/>
      <c r="U157" s="37"/>
      <c r="V157" s="37"/>
      <c r="W157" s="37"/>
      <c r="X157" s="37"/>
      <c r="Y157" s="37"/>
      <c r="Z157" s="37"/>
      <c r="AA157" s="37"/>
      <c r="AB157" s="37"/>
      <c r="AC157" s="37"/>
      <c r="AD157" s="37"/>
      <c r="AE157" s="37"/>
      <c r="AF157" s="37"/>
      <c r="AG157" s="37"/>
      <c r="AH157" s="37"/>
      <c r="AI157" s="37"/>
      <c r="AJ157" s="37"/>
      <c r="AK157" s="37"/>
      <c r="AL157" s="37"/>
      <c r="AM157" s="37"/>
      <c r="AN157" s="37"/>
      <c r="AO157" s="37"/>
      <c r="AP157" s="37"/>
      <c r="AQ157" s="37"/>
      <c r="AR157" s="37"/>
      <c r="AS157" s="37"/>
      <c r="AT157" s="37"/>
      <c r="AU157" s="37"/>
      <c r="AV157" s="37"/>
      <c r="AW157" s="37"/>
      <c r="AX157" s="37"/>
      <c r="AY157" s="37"/>
      <c r="AZ157" s="37"/>
      <c r="BA157" s="37"/>
      <c r="BB157" s="37"/>
      <c r="BC157" s="37"/>
      <c r="BD157" s="37"/>
      <c r="BE157" s="37"/>
      <c r="BF157" s="37"/>
      <c r="BG157" s="37"/>
      <c r="BH157" s="37"/>
      <c r="BI157" s="37"/>
      <c r="BJ157" s="37"/>
      <c r="BK157" s="37"/>
      <c r="BL157" s="37"/>
      <c r="BM157" s="37"/>
      <c r="BN157" s="37"/>
      <c r="BO157" s="37"/>
      <c r="BP157" s="37"/>
      <c r="BQ157" s="37"/>
      <c r="BR157" s="37"/>
      <c r="BS157" s="37"/>
      <c r="BT157" s="37"/>
      <c r="BU157" s="37"/>
    </row>
    <row r="158" spans="1:73" s="36" customFormat="1" ht="10" customHeight="1" x14ac:dyDescent="0.2">
      <c r="A158" s="37"/>
      <c r="B158" s="37"/>
      <c r="C158" s="37"/>
      <c r="D158" s="37"/>
      <c r="E158" s="37"/>
      <c r="F158" s="37"/>
      <c r="G158" s="37"/>
      <c r="H158" s="37"/>
      <c r="I158" s="37"/>
      <c r="J158" s="37"/>
      <c r="K158" s="37"/>
      <c r="L158" s="37"/>
      <c r="M158" s="37"/>
      <c r="N158" s="37"/>
      <c r="O158" s="37"/>
      <c r="P158" s="37"/>
      <c r="Q158" s="37"/>
      <c r="R158" s="37"/>
      <c r="S158" s="37"/>
      <c r="T158" s="37"/>
      <c r="U158" s="37"/>
      <c r="V158" s="37"/>
      <c r="W158" s="37"/>
      <c r="X158" s="37"/>
      <c r="Y158" s="37"/>
      <c r="Z158" s="37"/>
      <c r="AA158" s="37"/>
      <c r="AB158" s="37"/>
      <c r="AC158" s="37"/>
      <c r="AD158" s="37"/>
      <c r="AE158" s="37"/>
      <c r="AF158" s="37"/>
      <c r="AG158" s="37"/>
      <c r="AH158" s="37"/>
      <c r="AI158" s="37"/>
      <c r="AJ158" s="37"/>
      <c r="AK158" s="37"/>
      <c r="AL158" s="37"/>
      <c r="AM158" s="37"/>
      <c r="AN158" s="37"/>
      <c r="AO158" s="37"/>
      <c r="AP158" s="37"/>
      <c r="AQ158" s="37"/>
      <c r="AR158" s="37"/>
      <c r="AS158" s="37"/>
      <c r="AT158" s="37"/>
      <c r="AU158" s="37"/>
      <c r="AV158" s="37"/>
      <c r="AW158" s="37"/>
      <c r="AX158" s="37"/>
      <c r="AY158" s="37"/>
      <c r="AZ158" s="37"/>
      <c r="BA158" s="37"/>
      <c r="BB158" s="37"/>
      <c r="BC158" s="37"/>
      <c r="BD158" s="37"/>
      <c r="BE158" s="37"/>
      <c r="BF158" s="37"/>
      <c r="BG158" s="37"/>
      <c r="BH158" s="37"/>
      <c r="BI158" s="37"/>
      <c r="BJ158" s="37"/>
      <c r="BK158" s="37"/>
      <c r="BL158" s="37"/>
      <c r="BM158" s="37"/>
      <c r="BN158" s="37"/>
      <c r="BO158" s="37"/>
      <c r="BP158" s="37"/>
      <c r="BQ158" s="37"/>
      <c r="BR158" s="37"/>
      <c r="BS158" s="37"/>
      <c r="BT158" s="37"/>
      <c r="BU158" s="37"/>
    </row>
    <row r="159" spans="1:73" s="36" customFormat="1" ht="10" customHeight="1" x14ac:dyDescent="0.2">
      <c r="A159" s="37"/>
      <c r="B159" s="37"/>
      <c r="C159" s="37"/>
      <c r="D159" s="37"/>
      <c r="E159" s="37"/>
      <c r="F159" s="37"/>
      <c r="G159" s="37"/>
      <c r="H159" s="37"/>
      <c r="I159" s="37"/>
      <c r="J159" s="37"/>
      <c r="K159" s="37"/>
      <c r="L159" s="37"/>
      <c r="M159" s="37"/>
      <c r="N159" s="37"/>
      <c r="O159" s="37"/>
      <c r="P159" s="37"/>
      <c r="Q159" s="37"/>
      <c r="R159" s="37"/>
      <c r="S159" s="37"/>
      <c r="T159" s="37"/>
      <c r="U159" s="37"/>
      <c r="V159" s="37"/>
      <c r="W159" s="37"/>
      <c r="X159" s="37"/>
      <c r="Y159" s="37"/>
      <c r="Z159" s="37"/>
      <c r="AA159" s="37"/>
      <c r="AB159" s="37"/>
      <c r="AC159" s="37"/>
      <c r="AD159" s="37"/>
      <c r="AE159" s="37"/>
      <c r="AF159" s="37"/>
      <c r="AG159" s="37"/>
      <c r="AH159" s="37"/>
      <c r="AI159" s="37"/>
      <c r="AJ159" s="37"/>
      <c r="AK159" s="37"/>
      <c r="AL159" s="37"/>
      <c r="AM159" s="37"/>
      <c r="AN159" s="37"/>
      <c r="AO159" s="37"/>
      <c r="AP159" s="37"/>
      <c r="AQ159" s="37"/>
      <c r="AR159" s="37"/>
      <c r="AS159" s="37"/>
      <c r="AT159" s="37"/>
      <c r="AU159" s="37"/>
      <c r="AV159" s="37"/>
      <c r="AW159" s="37"/>
      <c r="AX159" s="37"/>
      <c r="AY159" s="37"/>
      <c r="AZ159" s="37"/>
      <c r="BA159" s="37"/>
      <c r="BB159" s="37"/>
      <c r="BC159" s="37"/>
      <c r="BD159" s="37"/>
      <c r="BE159" s="37"/>
      <c r="BF159" s="37"/>
      <c r="BG159" s="37"/>
      <c r="BH159" s="37"/>
      <c r="BI159" s="37"/>
      <c r="BJ159" s="37"/>
      <c r="BK159" s="37"/>
      <c r="BL159" s="37"/>
      <c r="BM159" s="37"/>
      <c r="BN159" s="37"/>
      <c r="BO159" s="37"/>
      <c r="BP159" s="37"/>
      <c r="BQ159" s="37"/>
      <c r="BR159" s="37"/>
      <c r="BS159" s="37"/>
      <c r="BT159" s="37"/>
      <c r="BU159" s="37"/>
    </row>
    <row r="160" spans="1:73" s="36" customFormat="1" ht="9.75" customHeight="1" x14ac:dyDescent="0.2">
      <c r="A160" s="37"/>
      <c r="B160" s="37"/>
      <c r="C160" s="37"/>
      <c r="D160" s="37"/>
      <c r="E160" s="37"/>
      <c r="F160" s="37"/>
      <c r="G160" s="37"/>
      <c r="H160" s="37"/>
      <c r="I160" s="37"/>
      <c r="J160" s="37"/>
      <c r="K160" s="37"/>
      <c r="L160" s="37"/>
      <c r="M160" s="37"/>
      <c r="N160" s="37"/>
      <c r="O160" s="37"/>
      <c r="P160" s="37"/>
      <c r="Q160" s="37"/>
      <c r="R160" s="37"/>
      <c r="S160" s="37"/>
      <c r="T160" s="37"/>
      <c r="U160" s="37"/>
      <c r="V160" s="37"/>
      <c r="W160" s="37"/>
      <c r="X160" s="37"/>
      <c r="Y160" s="37"/>
      <c r="Z160" s="37"/>
      <c r="AA160" s="37"/>
      <c r="AB160" s="37"/>
      <c r="AC160" s="37"/>
      <c r="AD160" s="37"/>
      <c r="AE160" s="37"/>
      <c r="AF160" s="37"/>
      <c r="AG160" s="37"/>
      <c r="AH160" s="37"/>
      <c r="AI160" s="37"/>
      <c r="AJ160" s="37"/>
      <c r="AK160" s="37"/>
      <c r="AL160" s="37"/>
      <c r="AM160" s="37"/>
      <c r="AN160" s="37"/>
      <c r="AO160" s="37"/>
      <c r="AP160" s="37"/>
      <c r="AQ160" s="37"/>
      <c r="AR160" s="37"/>
      <c r="AS160" s="37"/>
      <c r="AT160" s="37"/>
      <c r="AU160" s="37"/>
      <c r="AV160" s="37"/>
      <c r="AW160" s="37"/>
      <c r="AX160" s="37"/>
      <c r="AY160" s="37"/>
      <c r="AZ160" s="37"/>
      <c r="BA160" s="37"/>
      <c r="BB160" s="37"/>
      <c r="BC160" s="37"/>
      <c r="BD160" s="37"/>
      <c r="BE160" s="37"/>
      <c r="BF160" s="37"/>
      <c r="BG160" s="37"/>
      <c r="BH160" s="37"/>
      <c r="BI160" s="37"/>
      <c r="BJ160" s="37"/>
      <c r="BK160" s="37"/>
      <c r="BL160" s="37"/>
      <c r="BM160" s="37"/>
      <c r="BN160" s="37"/>
      <c r="BO160" s="37"/>
      <c r="BP160" s="37"/>
      <c r="BQ160" s="37"/>
      <c r="BR160" s="37"/>
      <c r="BS160" s="37"/>
      <c r="BT160" s="37"/>
      <c r="BU160" s="37"/>
    </row>
    <row r="161" spans="1:73" s="36" customFormat="1" ht="9" customHeight="1" x14ac:dyDescent="0.2">
      <c r="A161" s="37"/>
      <c r="B161" s="37"/>
      <c r="C161" s="37"/>
      <c r="D161" s="37"/>
      <c r="E161" s="37"/>
      <c r="F161" s="37"/>
      <c r="G161" s="37"/>
      <c r="H161" s="37"/>
      <c r="I161" s="37"/>
      <c r="J161" s="37"/>
      <c r="K161" s="37"/>
      <c r="L161" s="37"/>
      <c r="M161" s="37"/>
      <c r="N161" s="37"/>
      <c r="O161" s="37"/>
      <c r="P161" s="37"/>
      <c r="Q161" s="37"/>
      <c r="R161" s="37"/>
      <c r="S161" s="37"/>
      <c r="T161" s="37"/>
      <c r="U161" s="37"/>
      <c r="V161" s="37"/>
      <c r="W161" s="37"/>
      <c r="X161" s="37"/>
      <c r="Y161" s="37"/>
      <c r="Z161" s="37"/>
      <c r="AA161" s="37"/>
      <c r="AB161" s="37"/>
      <c r="AC161" s="37"/>
      <c r="AD161" s="37"/>
      <c r="AE161" s="37"/>
      <c r="AF161" s="37"/>
      <c r="AG161" s="37"/>
      <c r="AH161" s="37"/>
      <c r="AI161" s="37"/>
      <c r="AJ161" s="37"/>
      <c r="AK161" s="37"/>
      <c r="AL161" s="37"/>
      <c r="AM161" s="37"/>
      <c r="AN161" s="37"/>
      <c r="AO161" s="37"/>
      <c r="AP161" s="37"/>
      <c r="AQ161" s="37"/>
      <c r="AR161" s="37"/>
      <c r="AS161" s="37"/>
      <c r="AT161" s="37"/>
      <c r="AU161" s="37"/>
      <c r="AV161" s="37"/>
      <c r="AW161" s="37"/>
      <c r="AX161" s="37"/>
      <c r="AY161" s="37"/>
      <c r="AZ161" s="37"/>
      <c r="BA161" s="37"/>
      <c r="BB161" s="37"/>
      <c r="BC161" s="37"/>
      <c r="BD161" s="37"/>
      <c r="BE161" s="37"/>
      <c r="BF161" s="37"/>
      <c r="BG161" s="37"/>
      <c r="BH161" s="37"/>
      <c r="BI161" s="37"/>
      <c r="BJ161" s="37"/>
      <c r="BK161" s="37"/>
      <c r="BL161" s="37"/>
      <c r="BM161" s="37"/>
      <c r="BN161" s="37"/>
      <c r="BO161" s="37"/>
      <c r="BP161" s="37"/>
      <c r="BQ161" s="37"/>
      <c r="BR161" s="37"/>
      <c r="BS161" s="37"/>
      <c r="BT161" s="37"/>
      <c r="BU161" s="37"/>
    </row>
    <row r="162" spans="1:73" s="36" customFormat="1" ht="9.75" customHeight="1" x14ac:dyDescent="0.2">
      <c r="A162" s="37"/>
      <c r="B162" s="37"/>
      <c r="C162" s="37"/>
      <c r="D162" s="37"/>
      <c r="E162" s="37"/>
      <c r="F162" s="37"/>
      <c r="G162" s="37"/>
      <c r="H162" s="37"/>
      <c r="I162" s="37"/>
      <c r="J162" s="37"/>
      <c r="K162" s="37"/>
      <c r="L162" s="37"/>
      <c r="M162" s="37"/>
      <c r="N162" s="37"/>
      <c r="O162" s="37"/>
      <c r="P162" s="37"/>
      <c r="Q162" s="37"/>
      <c r="R162" s="37"/>
      <c r="S162" s="37"/>
      <c r="T162" s="37"/>
      <c r="U162" s="37"/>
      <c r="V162" s="37"/>
      <c r="W162" s="37"/>
      <c r="X162" s="37"/>
      <c r="Y162" s="37"/>
      <c r="Z162" s="37"/>
      <c r="AA162" s="37"/>
      <c r="AB162" s="37"/>
      <c r="AC162" s="37"/>
      <c r="AD162" s="37"/>
      <c r="AE162" s="37"/>
      <c r="AF162" s="37"/>
      <c r="AG162" s="37"/>
      <c r="AH162" s="37"/>
      <c r="AI162" s="37"/>
      <c r="AJ162" s="37"/>
      <c r="AK162" s="37"/>
      <c r="AL162" s="37"/>
      <c r="AM162" s="37"/>
      <c r="AN162" s="37"/>
      <c r="AO162" s="37"/>
      <c r="AP162" s="37"/>
      <c r="AQ162" s="37"/>
      <c r="AR162" s="37"/>
      <c r="AS162" s="37"/>
      <c r="AT162" s="37"/>
      <c r="AU162" s="37"/>
      <c r="AV162" s="37"/>
      <c r="AW162" s="37"/>
      <c r="AX162" s="37"/>
      <c r="AY162" s="37"/>
      <c r="AZ162" s="37"/>
      <c r="BA162" s="37"/>
      <c r="BB162" s="37"/>
      <c r="BC162" s="37"/>
      <c r="BD162" s="37"/>
      <c r="BE162" s="37"/>
      <c r="BF162" s="37"/>
      <c r="BG162" s="37"/>
      <c r="BH162" s="37"/>
      <c r="BI162" s="37"/>
      <c r="BJ162" s="37"/>
      <c r="BK162" s="37"/>
      <c r="BL162" s="37"/>
      <c r="BM162" s="37"/>
      <c r="BN162" s="37"/>
      <c r="BO162" s="37"/>
      <c r="BP162" s="37"/>
      <c r="BQ162" s="37"/>
      <c r="BR162" s="37"/>
      <c r="BS162" s="37"/>
      <c r="BT162" s="37"/>
      <c r="BU162" s="37"/>
    </row>
    <row r="163" spans="1:73" s="36" customFormat="1" ht="9.75" customHeight="1" x14ac:dyDescent="0.2">
      <c r="A163" s="37"/>
      <c r="B163" s="37"/>
      <c r="C163" s="37"/>
      <c r="D163" s="37"/>
      <c r="E163" s="37"/>
      <c r="F163" s="37"/>
      <c r="G163" s="37"/>
      <c r="H163" s="37"/>
      <c r="I163" s="37"/>
      <c r="J163" s="37"/>
      <c r="K163" s="37"/>
      <c r="L163" s="37"/>
      <c r="M163" s="37"/>
      <c r="N163" s="37"/>
      <c r="O163" s="37"/>
      <c r="P163" s="37"/>
      <c r="Q163" s="37"/>
      <c r="R163" s="37"/>
      <c r="S163" s="37"/>
      <c r="T163" s="37"/>
      <c r="U163" s="37"/>
      <c r="V163" s="37"/>
      <c r="W163" s="37"/>
      <c r="X163" s="37"/>
      <c r="Y163" s="37"/>
      <c r="Z163" s="37"/>
      <c r="AA163" s="37"/>
      <c r="AB163" s="37"/>
      <c r="AC163" s="37"/>
      <c r="AD163" s="37"/>
      <c r="AE163" s="37"/>
      <c r="AF163" s="37"/>
      <c r="AG163" s="37"/>
      <c r="AH163" s="37"/>
      <c r="AI163" s="37"/>
      <c r="AJ163" s="37"/>
      <c r="AK163" s="37"/>
      <c r="AL163" s="37"/>
      <c r="AM163" s="37"/>
      <c r="AN163" s="37"/>
      <c r="AO163" s="37"/>
      <c r="AP163" s="37"/>
      <c r="AQ163" s="37"/>
      <c r="AR163" s="37"/>
      <c r="AS163" s="37"/>
      <c r="AT163" s="37"/>
      <c r="AU163" s="37"/>
      <c r="AV163" s="37"/>
      <c r="AW163" s="37"/>
      <c r="AX163" s="37"/>
      <c r="AY163" s="37"/>
      <c r="AZ163" s="37"/>
      <c r="BA163" s="37"/>
      <c r="BB163" s="37"/>
      <c r="BC163" s="37"/>
      <c r="BD163" s="37"/>
      <c r="BE163" s="37"/>
      <c r="BF163" s="37"/>
      <c r="BG163" s="37"/>
      <c r="BH163" s="37"/>
      <c r="BI163" s="37"/>
      <c r="BJ163" s="37"/>
      <c r="BK163" s="37"/>
      <c r="BL163" s="37"/>
      <c r="BM163" s="37"/>
      <c r="BN163" s="37"/>
      <c r="BO163" s="37"/>
      <c r="BP163" s="37"/>
      <c r="BQ163" s="37"/>
      <c r="BR163" s="37"/>
      <c r="BS163" s="37"/>
      <c r="BT163" s="37"/>
      <c r="BU163" s="37"/>
    </row>
    <row r="164" spans="1:73" s="37" customFormat="1" ht="9.75" customHeight="1" x14ac:dyDescent="0.55000000000000004"/>
    <row r="165" spans="1:73" s="37" customFormat="1" ht="5.25" customHeight="1" x14ac:dyDescent="0.55000000000000004"/>
    <row r="166" spans="1:73" s="37" customFormat="1" ht="6.75" customHeight="1" x14ac:dyDescent="0.55000000000000004"/>
    <row r="167" spans="1:73" s="37" customFormat="1" ht="6.75" customHeight="1" x14ac:dyDescent="0.55000000000000004"/>
    <row r="168" spans="1:73" s="37" customFormat="1" ht="6.75" customHeight="1" x14ac:dyDescent="0.55000000000000004"/>
    <row r="169" spans="1:73" s="37" customFormat="1" ht="9" customHeight="1" x14ac:dyDescent="0.55000000000000004"/>
    <row r="170" spans="1:73" s="37" customFormat="1" ht="9" customHeight="1" x14ac:dyDescent="0.55000000000000004"/>
    <row r="171" spans="1:73" s="37" customFormat="1" ht="13.5" customHeight="1" x14ac:dyDescent="0.55000000000000004"/>
    <row r="172" spans="1:73" s="37" customFormat="1" ht="5.25" customHeight="1" x14ac:dyDescent="0.55000000000000004"/>
    <row r="173" spans="1:73" s="37" customFormat="1" ht="11.25" customHeight="1" x14ac:dyDescent="0.55000000000000004"/>
    <row r="174" spans="1:73" s="37" customFormat="1" ht="11.25" customHeight="1" x14ac:dyDescent="0.55000000000000004"/>
    <row r="175" spans="1:73" s="37" customFormat="1" ht="11.25" customHeight="1" x14ac:dyDescent="0.55000000000000004"/>
    <row r="176" spans="1:73" s="37" customFormat="1" ht="11.25" customHeight="1" x14ac:dyDescent="0.55000000000000004"/>
    <row r="177" spans="73:73" s="37" customFormat="1" ht="11.25" customHeight="1" x14ac:dyDescent="0.55000000000000004"/>
    <row r="178" spans="73:73" s="37" customFormat="1" ht="11.25" customHeight="1" x14ac:dyDescent="0.55000000000000004"/>
    <row r="179" spans="73:73" s="37" customFormat="1" ht="9.75" customHeight="1" x14ac:dyDescent="0.55000000000000004"/>
    <row r="180" spans="73:73" s="37" customFormat="1" ht="10" customHeight="1" x14ac:dyDescent="0.55000000000000004"/>
    <row r="181" spans="73:73" s="37" customFormat="1" ht="10" customHeight="1" x14ac:dyDescent="0.55000000000000004"/>
    <row r="182" spans="73:73" s="37" customFormat="1" ht="10" customHeight="1" x14ac:dyDescent="0.55000000000000004"/>
    <row r="183" spans="73:73" s="37" customFormat="1" ht="10" customHeight="1" x14ac:dyDescent="0.55000000000000004"/>
    <row r="184" spans="73:73" s="37" customFormat="1" ht="10" customHeight="1" x14ac:dyDescent="0.55000000000000004"/>
    <row r="185" spans="73:73" s="37" customFormat="1" ht="10.5" customHeight="1" x14ac:dyDescent="0.55000000000000004"/>
    <row r="186" spans="73:73" s="37" customFormat="1" ht="10.5" customHeight="1" x14ac:dyDescent="0.55000000000000004"/>
    <row r="187" spans="73:73" s="37" customFormat="1" ht="10.5" customHeight="1" x14ac:dyDescent="0.55000000000000004"/>
    <row r="188" spans="73:73" s="37" customFormat="1" ht="10.5" customHeight="1" x14ac:dyDescent="0.55000000000000004"/>
    <row r="189" spans="73:73" s="37" customFormat="1" ht="10.5" customHeight="1" x14ac:dyDescent="0.55000000000000004"/>
    <row r="190" spans="73:73" s="37" customFormat="1" ht="10.5" customHeight="1" x14ac:dyDescent="0.55000000000000004"/>
    <row r="191" spans="73:73" s="37" customFormat="1" ht="10.5" customHeight="1" x14ac:dyDescent="0.55000000000000004">
      <c r="BU191" s="1"/>
    </row>
    <row r="192" spans="73:73" s="37" customFormat="1" ht="10.5" customHeight="1" x14ac:dyDescent="0.55000000000000004">
      <c r="BU192" s="1"/>
    </row>
    <row r="193" spans="73:73" s="37" customFormat="1" ht="10.5" customHeight="1" x14ac:dyDescent="0.55000000000000004">
      <c r="BU193" s="1"/>
    </row>
    <row r="194" spans="73:73" s="37" customFormat="1" ht="10.5" customHeight="1" x14ac:dyDescent="0.55000000000000004">
      <c r="BU194" s="1"/>
    </row>
    <row r="195" spans="73:73" s="37" customFormat="1" ht="10.5" customHeight="1" x14ac:dyDescent="0.55000000000000004">
      <c r="BU195" s="1"/>
    </row>
    <row r="196" spans="73:73" s="37" customFormat="1" ht="10.5" customHeight="1" x14ac:dyDescent="0.55000000000000004">
      <c r="BU196" s="1"/>
    </row>
    <row r="197" spans="73:73" s="37" customFormat="1" ht="9.75" customHeight="1" x14ac:dyDescent="0.55000000000000004">
      <c r="BU197" s="1"/>
    </row>
    <row r="198" spans="73:73" s="37" customFormat="1" ht="9.75" customHeight="1" x14ac:dyDescent="0.55000000000000004">
      <c r="BU198" s="1"/>
    </row>
    <row r="199" spans="73:73" s="37" customFormat="1" ht="9.75" customHeight="1" x14ac:dyDescent="0.55000000000000004">
      <c r="BU199" s="1"/>
    </row>
    <row r="200" spans="73:73" s="37" customFormat="1" ht="9.75" customHeight="1" x14ac:dyDescent="0.55000000000000004">
      <c r="BU200" s="1"/>
    </row>
    <row r="201" spans="73:73" s="37" customFormat="1" ht="9.75" customHeight="1" x14ac:dyDescent="0.55000000000000004">
      <c r="BU201" s="1"/>
    </row>
    <row r="202" spans="73:73" s="37" customFormat="1" ht="9.75" customHeight="1" x14ac:dyDescent="0.55000000000000004">
      <c r="BU202" s="1"/>
    </row>
    <row r="203" spans="73:73" s="37" customFormat="1" ht="7.5" customHeight="1" x14ac:dyDescent="0.55000000000000004">
      <c r="BU203" s="1"/>
    </row>
    <row r="204" spans="73:73" s="37" customFormat="1" ht="7.5" customHeight="1" x14ac:dyDescent="0.55000000000000004">
      <c r="BU204" s="1"/>
    </row>
    <row r="205" spans="73:73" s="37" customFormat="1" ht="7.5" customHeight="1" x14ac:dyDescent="0.55000000000000004">
      <c r="BU205" s="1"/>
    </row>
    <row r="206" spans="73:73" s="37" customFormat="1" ht="7.5" customHeight="1" x14ac:dyDescent="0.55000000000000004">
      <c r="BU206" s="1"/>
    </row>
    <row r="207" spans="73:73" s="37" customFormat="1" ht="7.5" customHeight="1" x14ac:dyDescent="0.55000000000000004">
      <c r="BU207" s="1"/>
    </row>
    <row r="208" spans="73:73" s="37" customFormat="1" ht="7.5" customHeight="1" x14ac:dyDescent="0.55000000000000004">
      <c r="BU208" s="1"/>
    </row>
    <row r="209" spans="73:73" s="37" customFormat="1" ht="7.5" customHeight="1" x14ac:dyDescent="0.55000000000000004">
      <c r="BU209" s="1"/>
    </row>
    <row r="210" spans="73:73" s="37" customFormat="1" ht="7.5" customHeight="1" x14ac:dyDescent="0.55000000000000004">
      <c r="BU210" s="1"/>
    </row>
    <row r="211" spans="73:73" s="37" customFormat="1" ht="7.5" customHeight="1" x14ac:dyDescent="0.55000000000000004">
      <c r="BU211" s="1"/>
    </row>
    <row r="212" spans="73:73" s="37" customFormat="1" ht="7.5" customHeight="1" x14ac:dyDescent="0.55000000000000004">
      <c r="BU212" s="1"/>
    </row>
    <row r="213" spans="73:73" s="37" customFormat="1" ht="7.5" customHeight="1" x14ac:dyDescent="0.55000000000000004">
      <c r="BU213" s="1"/>
    </row>
    <row r="214" spans="73:73" s="37" customFormat="1" ht="7.5" customHeight="1" x14ac:dyDescent="0.55000000000000004">
      <c r="BU214" s="1"/>
    </row>
    <row r="215" spans="73:73" s="37" customFormat="1" ht="7.5" customHeight="1" x14ac:dyDescent="0.55000000000000004">
      <c r="BU215" s="1"/>
    </row>
    <row r="216" spans="73:73" s="37" customFormat="1" ht="7.5" customHeight="1" x14ac:dyDescent="0.55000000000000004">
      <c r="BU216" s="1"/>
    </row>
    <row r="217" spans="73:73" s="37" customFormat="1" ht="7.5" customHeight="1" x14ac:dyDescent="0.55000000000000004">
      <c r="BU217" s="1"/>
    </row>
    <row r="218" spans="73:73" s="37" customFormat="1" ht="7.5" customHeight="1" x14ac:dyDescent="0.55000000000000004">
      <c r="BU218" s="1"/>
    </row>
    <row r="219" spans="73:73" s="37" customFormat="1" ht="7.5" customHeight="1" x14ac:dyDescent="0.55000000000000004">
      <c r="BU219" s="1"/>
    </row>
    <row r="220" spans="73:73" s="37" customFormat="1" ht="7.5" customHeight="1" x14ac:dyDescent="0.55000000000000004">
      <c r="BU220" s="1"/>
    </row>
    <row r="221" spans="73:73" s="37" customFormat="1" ht="7.5" customHeight="1" x14ac:dyDescent="0.55000000000000004">
      <c r="BU221" s="1"/>
    </row>
    <row r="222" spans="73:73" s="37" customFormat="1" ht="7.5" customHeight="1" x14ac:dyDescent="0.55000000000000004">
      <c r="BU222" s="1"/>
    </row>
    <row r="223" spans="73:73" s="37" customFormat="1" ht="7.5" customHeight="1" x14ac:dyDescent="0.55000000000000004">
      <c r="BU223" s="1"/>
    </row>
    <row r="224" spans="73:73" s="37" customFormat="1" ht="7.5" customHeight="1" x14ac:dyDescent="0.55000000000000004">
      <c r="BU224" s="1"/>
    </row>
    <row r="225" spans="73:73" s="37" customFormat="1" ht="7.5" customHeight="1" x14ac:dyDescent="0.55000000000000004">
      <c r="BU225" s="1"/>
    </row>
    <row r="226" spans="73:73" s="37" customFormat="1" ht="7.5" customHeight="1" x14ac:dyDescent="0.55000000000000004">
      <c r="BU226" s="1"/>
    </row>
    <row r="227" spans="73:73" s="37" customFormat="1" ht="7.5" customHeight="1" x14ac:dyDescent="0.55000000000000004">
      <c r="BU227" s="1"/>
    </row>
    <row r="228" spans="73:73" s="37" customFormat="1" ht="7.5" customHeight="1" x14ac:dyDescent="0.55000000000000004">
      <c r="BU228" s="1"/>
    </row>
    <row r="229" spans="73:73" s="37" customFormat="1" ht="7.5" customHeight="1" x14ac:dyDescent="0.55000000000000004">
      <c r="BU229" s="1"/>
    </row>
    <row r="230" spans="73:73" s="37" customFormat="1" ht="7.5" customHeight="1" x14ac:dyDescent="0.55000000000000004">
      <c r="BU230" s="1"/>
    </row>
    <row r="231" spans="73:73" s="37" customFormat="1" ht="7.5" customHeight="1" x14ac:dyDescent="0.55000000000000004">
      <c r="BU231" s="1"/>
    </row>
    <row r="232" spans="73:73" s="37" customFormat="1" ht="7.5" customHeight="1" x14ac:dyDescent="0.55000000000000004">
      <c r="BU232" s="1"/>
    </row>
    <row r="233" spans="73:73" s="37" customFormat="1" ht="7.5" customHeight="1" x14ac:dyDescent="0.55000000000000004">
      <c r="BU233" s="1"/>
    </row>
    <row r="234" spans="73:73" s="37" customFormat="1" ht="7.5" customHeight="1" x14ac:dyDescent="0.55000000000000004">
      <c r="BU234" s="1"/>
    </row>
    <row r="235" spans="73:73" s="37" customFormat="1" ht="7.5" customHeight="1" x14ac:dyDescent="0.55000000000000004">
      <c r="BU235" s="1"/>
    </row>
    <row r="236" spans="73:73" s="37" customFormat="1" ht="7.5" customHeight="1" x14ac:dyDescent="0.55000000000000004">
      <c r="BU236" s="1"/>
    </row>
    <row r="237" spans="73:73" s="37" customFormat="1" ht="7.5" customHeight="1" x14ac:dyDescent="0.55000000000000004">
      <c r="BU237" s="1"/>
    </row>
    <row r="238" spans="73:73" s="37" customFormat="1" ht="7.5" customHeight="1" x14ac:dyDescent="0.55000000000000004">
      <c r="BU238" s="1"/>
    </row>
    <row r="239" spans="73:73" s="37" customFormat="1" ht="7.5" customHeight="1" x14ac:dyDescent="0.55000000000000004">
      <c r="BU239" s="1"/>
    </row>
    <row r="240" spans="73:73" s="37" customFormat="1" ht="7.5" customHeight="1" x14ac:dyDescent="0.55000000000000004">
      <c r="BU240" s="1"/>
    </row>
    <row r="241" spans="1:73" s="37" customFormat="1" ht="7.5" customHeight="1" x14ac:dyDescent="0.55000000000000004">
      <c r="BU241" s="1"/>
    </row>
    <row r="242" spans="1:73" s="37" customFormat="1" ht="7.5" customHeight="1" x14ac:dyDescent="0.55000000000000004">
      <c r="K242" s="1"/>
      <c r="L242" s="1"/>
      <c r="M242" s="1"/>
      <c r="N242" s="1"/>
      <c r="O242" s="1"/>
      <c r="P242" s="1"/>
      <c r="Q242" s="1"/>
      <c r="R242" s="1"/>
      <c r="S242" s="1"/>
      <c r="T242" s="1"/>
      <c r="U242" s="1"/>
      <c r="V242" s="1"/>
      <c r="W242" s="1"/>
      <c r="X242" s="1"/>
      <c r="BU242" s="1"/>
    </row>
    <row r="243" spans="1:73" s="37" customFormat="1" ht="7.5" customHeight="1" x14ac:dyDescent="0.55000000000000004">
      <c r="K243" s="1"/>
      <c r="L243" s="1"/>
      <c r="M243" s="1"/>
      <c r="N243" s="1"/>
      <c r="O243" s="1"/>
      <c r="P243" s="1"/>
      <c r="Q243" s="1"/>
      <c r="R243" s="1"/>
      <c r="S243" s="1"/>
      <c r="T243" s="1"/>
      <c r="U243" s="1"/>
      <c r="V243" s="1"/>
      <c r="W243" s="1"/>
      <c r="X243" s="1"/>
      <c r="BU243" s="1"/>
    </row>
    <row r="244" spans="1:73" s="37" customFormat="1" ht="7.5" customHeight="1" x14ac:dyDescent="0.55000000000000004">
      <c r="A244" s="1"/>
      <c r="B244" s="1"/>
      <c r="C244" s="1"/>
      <c r="D244" s="1"/>
      <c r="E244" s="1"/>
      <c r="F244" s="1"/>
      <c r="G244" s="1"/>
      <c r="H244" s="1"/>
      <c r="I244" s="1"/>
      <c r="J244" s="1"/>
      <c r="K244" s="1"/>
      <c r="L244" s="1"/>
      <c r="M244" s="1"/>
      <c r="N244" s="1"/>
      <c r="O244" s="1"/>
      <c r="P244" s="1"/>
      <c r="Q244" s="1"/>
      <c r="R244" s="1"/>
      <c r="S244" s="1"/>
      <c r="T244" s="1"/>
      <c r="U244" s="1"/>
      <c r="V244" s="1"/>
      <c r="W244" s="1"/>
      <c r="X244" s="1"/>
      <c r="Y244" s="1"/>
      <c r="Z244" s="1"/>
      <c r="AA244" s="1"/>
      <c r="AB244" s="1"/>
      <c r="AC244" s="1"/>
      <c r="AD244" s="1"/>
      <c r="AE244" s="1"/>
      <c r="AF244" s="1"/>
      <c r="AG244" s="1"/>
      <c r="AH244" s="1"/>
      <c r="AI244" s="1"/>
      <c r="AJ244" s="1"/>
      <c r="AK244" s="1"/>
      <c r="AL244" s="1"/>
      <c r="AM244" s="1"/>
      <c r="AN244" s="1"/>
      <c r="AO244" s="1"/>
      <c r="AP244" s="1"/>
      <c r="AQ244" s="1"/>
      <c r="AR244" s="1"/>
      <c r="AS244" s="1"/>
      <c r="AT244" s="1"/>
      <c r="AU244" s="1"/>
      <c r="AV244" s="1"/>
      <c r="AW244" s="1"/>
      <c r="AX244" s="1"/>
      <c r="AY244" s="1"/>
      <c r="AZ244" s="1"/>
      <c r="BA244" s="1"/>
      <c r="BB244" s="1"/>
      <c r="BC244" s="1"/>
      <c r="BD244" s="1"/>
      <c r="BE244" s="1"/>
      <c r="BF244" s="1"/>
      <c r="BG244" s="1"/>
      <c r="BH244" s="1"/>
      <c r="BI244" s="1"/>
      <c r="BJ244" s="1"/>
      <c r="BK244" s="1"/>
      <c r="BL244" s="1"/>
      <c r="BM244" s="1"/>
      <c r="BN244" s="1"/>
      <c r="BO244" s="1"/>
      <c r="BP244" s="1"/>
      <c r="BQ244" s="1"/>
      <c r="BR244" s="1"/>
      <c r="BS244" s="1"/>
      <c r="BT244" s="1"/>
      <c r="BU244" s="1"/>
    </row>
    <row r="245" spans="1:73" s="37" customFormat="1" ht="7.5" customHeight="1" x14ac:dyDescent="0.55000000000000004">
      <c r="A245" s="1"/>
      <c r="B245" s="1"/>
      <c r="C245" s="1"/>
      <c r="D245" s="1"/>
      <c r="E245" s="1"/>
      <c r="F245" s="1"/>
      <c r="G245" s="1"/>
      <c r="H245" s="1"/>
      <c r="I245" s="1"/>
      <c r="J245" s="1"/>
      <c r="K245" s="1"/>
      <c r="L245" s="1"/>
      <c r="M245" s="1"/>
      <c r="N245" s="1"/>
      <c r="O245" s="1"/>
      <c r="P245" s="1"/>
      <c r="Q245" s="1"/>
      <c r="R245" s="1"/>
      <c r="S245" s="1"/>
      <c r="T245" s="1"/>
      <c r="U245" s="1"/>
      <c r="V245" s="1"/>
      <c r="W245" s="1"/>
      <c r="X245" s="1"/>
      <c r="Y245" s="1"/>
      <c r="Z245" s="1"/>
      <c r="AA245" s="1"/>
      <c r="AB245" s="1"/>
      <c r="AC245" s="1"/>
      <c r="AD245" s="1"/>
      <c r="AE245" s="1"/>
      <c r="AF245" s="1"/>
      <c r="AG245" s="1"/>
      <c r="AH245" s="1"/>
      <c r="AI245" s="1"/>
      <c r="AJ245" s="1"/>
      <c r="AK245" s="1"/>
      <c r="AL245" s="1"/>
      <c r="AM245" s="1"/>
      <c r="AN245" s="1"/>
      <c r="AO245" s="1"/>
      <c r="AP245" s="1"/>
      <c r="AQ245" s="1"/>
      <c r="AR245" s="1"/>
      <c r="AS245" s="1"/>
      <c r="AT245" s="1"/>
      <c r="AU245" s="1"/>
      <c r="AV245" s="1"/>
      <c r="AW245" s="1"/>
      <c r="AX245" s="1"/>
      <c r="AY245" s="1"/>
      <c r="AZ245" s="1"/>
      <c r="BA245" s="1"/>
      <c r="BB245" s="1"/>
      <c r="BC245" s="1"/>
      <c r="BD245" s="1"/>
      <c r="BE245" s="1"/>
      <c r="BF245" s="1"/>
      <c r="BG245" s="1"/>
      <c r="BH245" s="1"/>
      <c r="BI245" s="1"/>
      <c r="BJ245" s="1"/>
      <c r="BK245" s="1"/>
      <c r="BL245" s="1"/>
      <c r="BM245" s="1"/>
      <c r="BN245" s="1"/>
      <c r="BO245" s="1"/>
      <c r="BP245" s="1"/>
      <c r="BQ245" s="1"/>
      <c r="BR245" s="1"/>
      <c r="BS245" s="1"/>
      <c r="BT245" s="1"/>
      <c r="BU245" s="1"/>
    </row>
    <row r="246" spans="1:73" s="37" customFormat="1" ht="7.5" customHeight="1" x14ac:dyDescent="0.55000000000000004">
      <c r="A246" s="1"/>
      <c r="B246" s="1"/>
      <c r="C246" s="1"/>
      <c r="D246" s="1"/>
      <c r="E246" s="1"/>
      <c r="F246" s="1"/>
      <c r="G246" s="1"/>
      <c r="H246" s="1"/>
      <c r="I246" s="1"/>
      <c r="J246" s="1"/>
      <c r="K246" s="1"/>
      <c r="L246" s="1"/>
      <c r="M246" s="1"/>
      <c r="N246" s="1"/>
      <c r="O246" s="1"/>
      <c r="P246" s="1"/>
      <c r="Q246" s="1"/>
      <c r="R246" s="1"/>
      <c r="S246" s="1"/>
      <c r="T246" s="1"/>
      <c r="U246" s="1"/>
      <c r="V246" s="1"/>
      <c r="W246" s="1"/>
      <c r="X246" s="1"/>
      <c r="Y246" s="1"/>
      <c r="Z246" s="1"/>
      <c r="AA246" s="1"/>
      <c r="AB246" s="1"/>
      <c r="AC246" s="1"/>
      <c r="AD246" s="1"/>
      <c r="AE246" s="1"/>
      <c r="AF246" s="1"/>
      <c r="AG246" s="1"/>
      <c r="AH246" s="1"/>
      <c r="AI246" s="1"/>
      <c r="AJ246" s="1"/>
      <c r="AK246" s="1"/>
      <c r="AL246" s="1"/>
      <c r="AM246" s="1"/>
      <c r="AN246" s="1"/>
      <c r="AO246" s="1"/>
      <c r="AP246" s="1"/>
      <c r="AQ246" s="1"/>
      <c r="AR246" s="1"/>
      <c r="AS246" s="1"/>
      <c r="AT246" s="1"/>
      <c r="AU246" s="1"/>
      <c r="AV246" s="1"/>
      <c r="AW246" s="1"/>
      <c r="AX246" s="1"/>
      <c r="AY246" s="1"/>
      <c r="AZ246" s="1"/>
      <c r="BA246" s="1"/>
      <c r="BB246" s="1"/>
      <c r="BC246" s="1"/>
      <c r="BD246" s="1"/>
      <c r="BE246" s="1"/>
      <c r="BF246" s="1"/>
      <c r="BG246" s="1"/>
      <c r="BH246" s="1"/>
      <c r="BI246" s="1"/>
      <c r="BJ246" s="1"/>
      <c r="BK246" s="1"/>
      <c r="BL246" s="1"/>
      <c r="BM246" s="1"/>
      <c r="BN246" s="1"/>
      <c r="BO246" s="1"/>
      <c r="BP246" s="1"/>
      <c r="BQ246" s="1"/>
      <c r="BR246" s="1"/>
      <c r="BS246" s="1"/>
      <c r="BT246" s="1"/>
      <c r="BU246" s="1"/>
    </row>
    <row r="247" spans="1:73" s="37" customFormat="1" ht="7.5" customHeight="1" x14ac:dyDescent="0.55000000000000004">
      <c r="A247" s="1"/>
      <c r="B247" s="1"/>
      <c r="C247" s="1"/>
      <c r="D247" s="1"/>
      <c r="E247" s="1"/>
      <c r="F247" s="1"/>
      <c r="G247" s="1"/>
      <c r="H247" s="1"/>
      <c r="I247" s="1"/>
      <c r="J247" s="1"/>
      <c r="K247" s="1"/>
      <c r="L247" s="1"/>
      <c r="M247" s="1"/>
      <c r="N247" s="1"/>
      <c r="O247" s="1"/>
      <c r="P247" s="1"/>
      <c r="Q247" s="1"/>
      <c r="R247" s="1"/>
      <c r="S247" s="1"/>
      <c r="T247" s="1"/>
      <c r="U247" s="1"/>
      <c r="V247" s="1"/>
      <c r="W247" s="1"/>
      <c r="X247" s="1"/>
      <c r="Y247" s="1"/>
      <c r="Z247" s="1"/>
      <c r="AA247" s="1"/>
      <c r="AB247" s="1"/>
      <c r="AC247" s="1"/>
      <c r="AD247" s="1"/>
      <c r="AE247" s="1"/>
      <c r="AF247" s="1"/>
      <c r="AG247" s="1"/>
      <c r="AH247" s="1"/>
      <c r="AI247" s="1"/>
      <c r="AJ247" s="1"/>
      <c r="AK247" s="1"/>
      <c r="AL247" s="1"/>
      <c r="AM247" s="1"/>
      <c r="AN247" s="1"/>
      <c r="AO247" s="1"/>
      <c r="AP247" s="1"/>
      <c r="AQ247" s="1"/>
      <c r="AR247" s="1"/>
      <c r="AS247" s="1"/>
      <c r="AT247" s="1"/>
      <c r="AU247" s="1"/>
      <c r="AV247" s="1"/>
      <c r="AW247" s="1"/>
      <c r="AX247" s="1"/>
      <c r="AY247" s="1"/>
      <c r="AZ247" s="1"/>
      <c r="BA247" s="1"/>
      <c r="BB247" s="1"/>
      <c r="BC247" s="1"/>
      <c r="BD247" s="1"/>
      <c r="BE247" s="1"/>
      <c r="BF247" s="1"/>
      <c r="BG247" s="1"/>
      <c r="BH247" s="1"/>
      <c r="BI247" s="1"/>
      <c r="BJ247" s="1"/>
      <c r="BK247" s="1"/>
      <c r="BL247" s="1"/>
      <c r="BM247" s="1"/>
      <c r="BN247" s="1"/>
      <c r="BO247" s="1"/>
      <c r="BP247" s="1"/>
      <c r="BQ247" s="1"/>
      <c r="BR247" s="1"/>
      <c r="BS247" s="1"/>
      <c r="BT247" s="1"/>
      <c r="BU247" s="1"/>
    </row>
    <row r="248" spans="1:73" s="37" customFormat="1" ht="7.5" customHeight="1" x14ac:dyDescent="0.55000000000000004">
      <c r="A248" s="1"/>
      <c r="B248" s="1"/>
      <c r="C248" s="1"/>
      <c r="D248" s="1"/>
      <c r="E248" s="1"/>
      <c r="F248" s="1"/>
      <c r="G248" s="1"/>
      <c r="H248" s="1"/>
      <c r="I248" s="1"/>
      <c r="J248" s="1"/>
      <c r="K248" s="1"/>
      <c r="L248" s="1"/>
      <c r="M248" s="1"/>
      <c r="N248" s="1"/>
      <c r="O248" s="1"/>
      <c r="P248" s="1"/>
      <c r="Q248" s="1"/>
      <c r="R248" s="1"/>
      <c r="S248" s="1"/>
      <c r="T248" s="1"/>
      <c r="U248" s="1"/>
      <c r="V248" s="1"/>
      <c r="W248" s="1"/>
      <c r="X248" s="1"/>
      <c r="Y248" s="1"/>
      <c r="Z248" s="1"/>
      <c r="AA248" s="1"/>
      <c r="AB248" s="1"/>
      <c r="AC248" s="1"/>
      <c r="AD248" s="1"/>
      <c r="AE248" s="1"/>
      <c r="AF248" s="1"/>
      <c r="AG248" s="1"/>
      <c r="AH248" s="1"/>
      <c r="AI248" s="1"/>
      <c r="AJ248" s="1"/>
      <c r="AK248" s="1"/>
      <c r="AL248" s="1"/>
      <c r="AM248" s="1"/>
      <c r="AN248" s="1"/>
      <c r="AO248" s="1"/>
      <c r="AP248" s="1"/>
      <c r="AQ248" s="1"/>
      <c r="AR248" s="1"/>
      <c r="AS248" s="1"/>
      <c r="AT248" s="1"/>
      <c r="AU248" s="1"/>
      <c r="AV248" s="1"/>
      <c r="AW248" s="1"/>
      <c r="AX248" s="1"/>
      <c r="AY248" s="1"/>
      <c r="AZ248" s="1"/>
      <c r="BA248" s="1"/>
      <c r="BB248" s="1"/>
      <c r="BC248" s="1"/>
      <c r="BD248" s="1"/>
      <c r="BE248" s="1"/>
      <c r="BF248" s="1"/>
      <c r="BG248" s="1"/>
      <c r="BH248" s="1"/>
      <c r="BI248" s="1"/>
      <c r="BJ248" s="1"/>
      <c r="BK248" s="1"/>
      <c r="BL248" s="1"/>
      <c r="BM248" s="1"/>
      <c r="BN248" s="1"/>
      <c r="BO248" s="1"/>
      <c r="BP248" s="1"/>
      <c r="BQ248" s="1"/>
      <c r="BR248" s="1"/>
      <c r="BS248" s="1"/>
      <c r="BT248" s="1"/>
      <c r="BU248" s="1"/>
    </row>
    <row r="249" spans="1:73" s="37" customFormat="1" ht="7.5" customHeight="1" x14ac:dyDescent="0.55000000000000004">
      <c r="A249" s="1"/>
      <c r="B249" s="1"/>
      <c r="C249" s="1"/>
      <c r="D249" s="1"/>
      <c r="E249" s="1"/>
      <c r="F249" s="1"/>
      <c r="G249" s="1"/>
      <c r="H249" s="1"/>
      <c r="I249" s="1"/>
      <c r="J249" s="1"/>
      <c r="K249" s="1"/>
      <c r="L249" s="1"/>
      <c r="M249" s="1"/>
      <c r="N249" s="1"/>
      <c r="O249" s="1"/>
      <c r="P249" s="1"/>
      <c r="Q249" s="1"/>
      <c r="R249" s="1"/>
      <c r="S249" s="1"/>
      <c r="T249" s="1"/>
      <c r="U249" s="1"/>
      <c r="V249" s="1"/>
      <c r="W249" s="1"/>
      <c r="X249" s="1"/>
      <c r="Y249" s="1"/>
      <c r="Z249" s="1"/>
      <c r="AA249" s="1"/>
      <c r="AB249" s="1"/>
      <c r="AC249" s="1"/>
      <c r="AD249" s="1"/>
      <c r="AE249" s="1"/>
      <c r="AF249" s="1"/>
      <c r="AG249" s="1"/>
      <c r="AH249" s="1"/>
      <c r="AI249" s="1"/>
      <c r="AJ249" s="1"/>
      <c r="AK249" s="1"/>
      <c r="AL249" s="1"/>
      <c r="AM249" s="1"/>
      <c r="AN249" s="1"/>
      <c r="AO249" s="1"/>
      <c r="AP249" s="1"/>
      <c r="AQ249" s="1"/>
      <c r="AR249" s="1"/>
      <c r="AS249" s="1"/>
      <c r="AT249" s="1"/>
      <c r="AU249" s="1"/>
      <c r="AV249" s="1"/>
      <c r="AW249" s="1"/>
      <c r="AX249" s="1"/>
      <c r="AY249" s="1"/>
      <c r="AZ249" s="1"/>
      <c r="BA249" s="1"/>
      <c r="BB249" s="1"/>
      <c r="BC249" s="1"/>
      <c r="BD249" s="1"/>
      <c r="BE249" s="1"/>
      <c r="BF249" s="1"/>
      <c r="BG249" s="1"/>
      <c r="BH249" s="1"/>
      <c r="BI249" s="1"/>
      <c r="BJ249" s="1"/>
      <c r="BK249" s="1"/>
      <c r="BL249" s="1"/>
      <c r="BM249" s="1"/>
      <c r="BN249" s="1"/>
      <c r="BO249" s="1"/>
      <c r="BP249" s="1"/>
      <c r="BQ249" s="1"/>
      <c r="BR249" s="1"/>
      <c r="BS249" s="1"/>
      <c r="BT249" s="1"/>
      <c r="BU249" s="1"/>
    </row>
    <row r="250" spans="1:73" s="37" customFormat="1" ht="7.5" customHeight="1" x14ac:dyDescent="0.55000000000000004">
      <c r="A250" s="1"/>
      <c r="B250" s="1"/>
      <c r="C250" s="1"/>
      <c r="D250" s="1"/>
      <c r="E250" s="1"/>
      <c r="F250" s="1"/>
      <c r="G250" s="1"/>
      <c r="H250" s="1"/>
      <c r="I250" s="1"/>
      <c r="J250" s="1"/>
      <c r="K250" s="1"/>
      <c r="L250" s="1"/>
      <c r="M250" s="1"/>
      <c r="N250" s="1"/>
      <c r="O250" s="1"/>
      <c r="P250" s="1"/>
      <c r="Q250" s="1"/>
      <c r="R250" s="1"/>
      <c r="S250" s="1"/>
      <c r="T250" s="1"/>
      <c r="U250" s="1"/>
      <c r="V250" s="1"/>
      <c r="W250" s="1"/>
      <c r="X250" s="1"/>
      <c r="Y250" s="1"/>
      <c r="Z250" s="1"/>
      <c r="AA250" s="1"/>
      <c r="AB250" s="1"/>
      <c r="AC250" s="1"/>
      <c r="AD250" s="1"/>
      <c r="AE250" s="1"/>
      <c r="AF250" s="1"/>
      <c r="AG250" s="1"/>
      <c r="AH250" s="1"/>
      <c r="AI250" s="1"/>
      <c r="AJ250" s="1"/>
      <c r="AK250" s="1"/>
      <c r="AL250" s="1"/>
      <c r="AM250" s="1"/>
      <c r="AN250" s="1"/>
      <c r="AO250" s="1"/>
      <c r="AP250" s="1"/>
      <c r="AQ250" s="1"/>
      <c r="AR250" s="1"/>
      <c r="AS250" s="1"/>
      <c r="AT250" s="1"/>
      <c r="AU250" s="1"/>
      <c r="AV250" s="1"/>
      <c r="AW250" s="1"/>
      <c r="AX250" s="1"/>
      <c r="AY250" s="1"/>
      <c r="AZ250" s="1"/>
      <c r="BA250" s="1"/>
      <c r="BB250" s="1"/>
      <c r="BC250" s="1"/>
      <c r="BD250" s="1"/>
      <c r="BE250" s="1"/>
      <c r="BF250" s="1"/>
      <c r="BG250" s="1"/>
      <c r="BH250" s="1"/>
      <c r="BI250" s="1"/>
      <c r="BJ250" s="1"/>
      <c r="BK250" s="1"/>
      <c r="BL250" s="1"/>
      <c r="BM250" s="1"/>
      <c r="BN250" s="1"/>
      <c r="BO250" s="1"/>
      <c r="BP250" s="1"/>
      <c r="BQ250" s="1"/>
      <c r="BR250" s="1"/>
      <c r="BS250" s="1"/>
      <c r="BT250" s="1"/>
      <c r="BU250" s="1"/>
    </row>
    <row r="251" spans="1:73" s="37" customFormat="1" ht="7.5" customHeight="1" x14ac:dyDescent="0.55000000000000004">
      <c r="A251" s="1"/>
      <c r="B251" s="1"/>
      <c r="C251" s="1"/>
      <c r="D251" s="1"/>
      <c r="E251" s="1"/>
      <c r="F251" s="1"/>
      <c r="G251" s="1"/>
      <c r="H251" s="1"/>
      <c r="I251" s="1"/>
      <c r="J251" s="1"/>
      <c r="K251" s="1"/>
      <c r="L251" s="1"/>
      <c r="M251" s="1"/>
      <c r="N251" s="1"/>
      <c r="O251" s="1"/>
      <c r="P251" s="1"/>
      <c r="Q251" s="1"/>
      <c r="R251" s="1"/>
      <c r="S251" s="1"/>
      <c r="T251" s="1"/>
      <c r="U251" s="1"/>
      <c r="V251" s="1"/>
      <c r="W251" s="1"/>
      <c r="X251" s="1"/>
      <c r="Y251" s="1"/>
      <c r="Z251" s="1"/>
      <c r="AA251" s="1"/>
      <c r="AB251" s="1"/>
      <c r="AC251" s="1"/>
      <c r="AD251" s="1"/>
      <c r="AE251" s="1"/>
      <c r="AF251" s="1"/>
      <c r="AG251" s="1"/>
      <c r="AH251" s="1"/>
      <c r="AI251" s="1"/>
      <c r="AJ251" s="1"/>
      <c r="AK251" s="1"/>
      <c r="AL251" s="1"/>
      <c r="AM251" s="1"/>
      <c r="AN251" s="1"/>
      <c r="AO251" s="1"/>
      <c r="AP251" s="1"/>
      <c r="AQ251" s="1"/>
      <c r="AR251" s="1"/>
      <c r="AS251" s="1"/>
      <c r="AT251" s="1"/>
      <c r="AU251" s="1"/>
      <c r="AV251" s="1"/>
      <c r="AW251" s="1"/>
      <c r="AX251" s="1"/>
      <c r="AY251" s="1"/>
      <c r="AZ251" s="1"/>
      <c r="BA251" s="1"/>
      <c r="BB251" s="1"/>
      <c r="BC251" s="1"/>
      <c r="BD251" s="1"/>
      <c r="BE251" s="1"/>
      <c r="BF251" s="1"/>
      <c r="BG251" s="1"/>
      <c r="BH251" s="1"/>
      <c r="BI251" s="1"/>
      <c r="BJ251" s="1"/>
      <c r="BK251" s="1"/>
      <c r="BL251" s="1"/>
      <c r="BM251" s="1"/>
      <c r="BN251" s="1"/>
      <c r="BO251" s="1"/>
      <c r="BP251" s="1"/>
      <c r="BQ251" s="1"/>
      <c r="BR251" s="1"/>
      <c r="BS251" s="1"/>
      <c r="BT251" s="1"/>
      <c r="BU251" s="1"/>
    </row>
    <row r="252" spans="1:73" s="37" customFormat="1" ht="7.5" customHeight="1" x14ac:dyDescent="0.55000000000000004">
      <c r="A252" s="1"/>
      <c r="B252" s="1"/>
      <c r="C252" s="1"/>
      <c r="D252" s="1"/>
      <c r="E252" s="1"/>
      <c r="F252" s="1"/>
      <c r="G252" s="1"/>
      <c r="H252" s="1"/>
      <c r="I252" s="1"/>
      <c r="J252" s="1"/>
      <c r="K252" s="1"/>
      <c r="L252" s="1"/>
      <c r="M252" s="1"/>
      <c r="N252" s="1"/>
      <c r="O252" s="1"/>
      <c r="P252" s="1"/>
      <c r="Q252" s="1"/>
      <c r="R252" s="1"/>
      <c r="S252" s="1"/>
      <c r="T252" s="1"/>
      <c r="U252" s="1"/>
      <c r="V252" s="1"/>
      <c r="W252" s="1"/>
      <c r="X252" s="1"/>
      <c r="Y252" s="1"/>
      <c r="Z252" s="1"/>
      <c r="AA252" s="1"/>
      <c r="AB252" s="1"/>
      <c r="AC252" s="1"/>
      <c r="AD252" s="1"/>
      <c r="AE252" s="1"/>
      <c r="AF252" s="1"/>
      <c r="AG252" s="1"/>
      <c r="AH252" s="1"/>
      <c r="AI252" s="1"/>
      <c r="AJ252" s="1"/>
      <c r="AK252" s="1"/>
      <c r="AL252" s="1"/>
      <c r="AM252" s="1"/>
      <c r="AN252" s="1"/>
      <c r="AO252" s="1"/>
      <c r="AP252" s="1"/>
      <c r="AQ252" s="1"/>
      <c r="AR252" s="1"/>
      <c r="AS252" s="1"/>
      <c r="AT252" s="1"/>
      <c r="AU252" s="1"/>
      <c r="AV252" s="1"/>
      <c r="AW252" s="1"/>
      <c r="AX252" s="1"/>
      <c r="AY252" s="1"/>
      <c r="AZ252" s="1"/>
      <c r="BA252" s="1"/>
      <c r="BB252" s="1"/>
      <c r="BC252" s="1"/>
      <c r="BD252" s="1"/>
      <c r="BE252" s="1"/>
      <c r="BF252" s="1"/>
      <c r="BG252" s="1"/>
      <c r="BH252" s="1"/>
      <c r="BI252" s="1"/>
      <c r="BJ252" s="1"/>
      <c r="BK252" s="1"/>
      <c r="BL252" s="1"/>
      <c r="BM252" s="1"/>
      <c r="BN252" s="1"/>
      <c r="BO252" s="1"/>
      <c r="BP252" s="1"/>
      <c r="BQ252" s="1"/>
      <c r="BR252" s="1"/>
      <c r="BS252" s="1"/>
      <c r="BT252" s="1"/>
      <c r="BU252" s="1"/>
    </row>
    <row r="253" spans="1:73" s="37" customFormat="1" ht="7.5" customHeight="1" x14ac:dyDescent="0.55000000000000004">
      <c r="A253" s="1"/>
      <c r="B253" s="1"/>
      <c r="C253" s="1"/>
      <c r="D253" s="1"/>
      <c r="E253" s="1"/>
      <c r="F253" s="1"/>
      <c r="G253" s="1"/>
      <c r="H253" s="1"/>
      <c r="I253" s="1"/>
      <c r="J253" s="1"/>
      <c r="K253" s="1"/>
      <c r="L253" s="1"/>
      <c r="M253" s="1"/>
      <c r="N253" s="1"/>
      <c r="O253" s="1"/>
      <c r="P253" s="1"/>
      <c r="Q253" s="1"/>
      <c r="R253" s="1"/>
      <c r="S253" s="1"/>
      <c r="T253" s="1"/>
      <c r="U253" s="1"/>
      <c r="V253" s="1"/>
      <c r="W253" s="1"/>
      <c r="X253" s="1"/>
      <c r="Y253" s="1"/>
      <c r="Z253" s="1"/>
      <c r="AA253" s="1"/>
      <c r="AB253" s="1"/>
      <c r="AC253" s="1"/>
      <c r="AD253" s="1"/>
      <c r="AE253" s="1"/>
      <c r="AF253" s="1"/>
      <c r="AG253" s="1"/>
      <c r="AH253" s="1"/>
      <c r="AI253" s="1"/>
      <c r="AJ253" s="1"/>
      <c r="AK253" s="1"/>
      <c r="AL253" s="1"/>
      <c r="AM253" s="1"/>
      <c r="AN253" s="1"/>
      <c r="AO253" s="1"/>
      <c r="AP253" s="1"/>
      <c r="AQ253" s="1"/>
      <c r="AR253" s="1"/>
      <c r="AS253" s="1"/>
      <c r="AT253" s="1"/>
      <c r="AU253" s="1"/>
      <c r="AV253" s="1"/>
      <c r="AW253" s="1"/>
      <c r="AX253" s="1"/>
      <c r="AY253" s="1"/>
      <c r="AZ253" s="1"/>
      <c r="BA253" s="1"/>
      <c r="BB253" s="1"/>
      <c r="BC253" s="1"/>
      <c r="BD253" s="1"/>
      <c r="BE253" s="1"/>
      <c r="BF253" s="1"/>
      <c r="BG253" s="1"/>
      <c r="BH253" s="1"/>
      <c r="BI253" s="1"/>
      <c r="BJ253" s="1"/>
      <c r="BK253" s="1"/>
      <c r="BL253" s="1"/>
      <c r="BM253" s="1"/>
      <c r="BN253" s="1"/>
      <c r="BO253" s="1"/>
      <c r="BP253" s="1"/>
      <c r="BQ253" s="1"/>
      <c r="BR253" s="1"/>
      <c r="BS253" s="1"/>
      <c r="BT253" s="1"/>
      <c r="BU253" s="1"/>
    </row>
    <row r="254" spans="1:73" s="37" customFormat="1" ht="7.5" customHeight="1" x14ac:dyDescent="0.55000000000000004">
      <c r="A254" s="1"/>
      <c r="B254" s="1"/>
      <c r="C254" s="1"/>
      <c r="D254" s="1"/>
      <c r="E254" s="1"/>
      <c r="F254" s="1"/>
      <c r="G254" s="1"/>
      <c r="H254" s="1"/>
      <c r="I254" s="1"/>
      <c r="J254" s="1"/>
      <c r="K254" s="1"/>
      <c r="L254" s="1"/>
      <c r="M254" s="1"/>
      <c r="N254" s="1"/>
      <c r="O254" s="1"/>
      <c r="P254" s="1"/>
      <c r="Q254" s="1"/>
      <c r="R254" s="1"/>
      <c r="S254" s="1"/>
      <c r="T254" s="1"/>
      <c r="U254" s="1"/>
      <c r="V254" s="1"/>
      <c r="W254" s="1"/>
      <c r="X254" s="1"/>
      <c r="Y254" s="1"/>
      <c r="Z254" s="1"/>
      <c r="AA254" s="1"/>
      <c r="AB254" s="1"/>
      <c r="AC254" s="1"/>
      <c r="AD254" s="1"/>
      <c r="AE254" s="1"/>
      <c r="AF254" s="1"/>
      <c r="AG254" s="1"/>
      <c r="AH254" s="1"/>
      <c r="AI254" s="1"/>
      <c r="AJ254" s="1"/>
      <c r="AK254" s="1"/>
      <c r="AL254" s="1"/>
      <c r="AM254" s="1"/>
      <c r="AN254" s="1"/>
      <c r="AO254" s="1"/>
      <c r="AP254" s="1"/>
      <c r="AQ254" s="1"/>
      <c r="AR254" s="1"/>
      <c r="AS254" s="1"/>
      <c r="AT254" s="1"/>
      <c r="AU254" s="1"/>
      <c r="AV254" s="1"/>
      <c r="AW254" s="1"/>
      <c r="AX254" s="1"/>
      <c r="AY254" s="1"/>
      <c r="AZ254" s="1"/>
      <c r="BA254" s="1"/>
      <c r="BB254" s="1"/>
      <c r="BC254" s="1"/>
      <c r="BD254" s="1"/>
      <c r="BE254" s="1"/>
      <c r="BF254" s="1"/>
      <c r="BG254" s="1"/>
      <c r="BH254" s="1"/>
      <c r="BI254" s="1"/>
      <c r="BJ254" s="1"/>
      <c r="BK254" s="1"/>
      <c r="BL254" s="1"/>
      <c r="BM254" s="1"/>
      <c r="BN254" s="1"/>
      <c r="BO254" s="1"/>
      <c r="BP254" s="1"/>
      <c r="BQ254" s="1"/>
      <c r="BR254" s="1"/>
      <c r="BS254" s="1"/>
      <c r="BT254" s="1"/>
      <c r="BU254" s="1"/>
    </row>
    <row r="255" spans="1:73" s="37" customFormat="1" ht="7.5" customHeight="1" x14ac:dyDescent="0.55000000000000004">
      <c r="A255" s="1"/>
      <c r="B255" s="1"/>
      <c r="C255" s="1"/>
      <c r="D255" s="1"/>
      <c r="E255" s="1"/>
      <c r="F255" s="1"/>
      <c r="G255" s="1"/>
      <c r="H255" s="1"/>
      <c r="I255" s="1"/>
      <c r="J255" s="1"/>
      <c r="K255" s="1"/>
      <c r="L255" s="1"/>
      <c r="M255" s="1"/>
      <c r="N255" s="1"/>
      <c r="O255" s="1"/>
      <c r="P255" s="1"/>
      <c r="Q255" s="1"/>
      <c r="R255" s="1"/>
      <c r="S255" s="1"/>
      <c r="T255" s="1"/>
      <c r="U255" s="1"/>
      <c r="V255" s="1"/>
      <c r="W255" s="1"/>
      <c r="X255" s="1"/>
      <c r="Y255" s="1"/>
      <c r="Z255" s="1"/>
      <c r="AA255" s="1"/>
      <c r="AB255" s="1"/>
      <c r="AC255" s="1"/>
      <c r="AD255" s="1"/>
      <c r="AE255" s="1"/>
      <c r="AF255" s="1"/>
      <c r="AG255" s="1"/>
      <c r="AH255" s="1"/>
      <c r="AI255" s="1"/>
      <c r="AJ255" s="1"/>
      <c r="AK255" s="1"/>
      <c r="AL255" s="1"/>
      <c r="AM255" s="1"/>
      <c r="AN255" s="1"/>
      <c r="AO255" s="1"/>
      <c r="AP255" s="1"/>
      <c r="AQ255" s="1"/>
      <c r="AR255" s="1"/>
      <c r="AS255" s="1"/>
      <c r="AT255" s="1"/>
      <c r="AU255" s="1"/>
      <c r="AV255" s="1"/>
      <c r="AW255" s="1"/>
      <c r="AX255" s="1"/>
      <c r="AY255" s="1"/>
      <c r="AZ255" s="1"/>
      <c r="BA255" s="1"/>
      <c r="BB255" s="1"/>
      <c r="BC255" s="1"/>
      <c r="BD255" s="1"/>
      <c r="BE255" s="1"/>
      <c r="BF255" s="1"/>
      <c r="BG255" s="1"/>
      <c r="BH255" s="1"/>
      <c r="BI255" s="1"/>
      <c r="BJ255" s="1"/>
      <c r="BK255" s="1"/>
      <c r="BL255" s="1"/>
      <c r="BM255" s="1"/>
      <c r="BN255" s="1"/>
      <c r="BO255" s="1"/>
      <c r="BP255" s="1"/>
      <c r="BQ255" s="1"/>
      <c r="BR255" s="1"/>
      <c r="BS255" s="1"/>
      <c r="BT255" s="1"/>
      <c r="BU255" s="1"/>
    </row>
    <row r="256" spans="1:73" s="37" customFormat="1" ht="7.5" customHeight="1" x14ac:dyDescent="0.55000000000000004">
      <c r="A256" s="1"/>
      <c r="B256" s="1"/>
      <c r="C256" s="1"/>
      <c r="D256" s="1"/>
      <c r="E256" s="1"/>
      <c r="F256" s="1"/>
      <c r="G256" s="1"/>
      <c r="H256" s="1"/>
      <c r="I256" s="1"/>
      <c r="J256" s="1"/>
      <c r="K256" s="1"/>
      <c r="L256" s="1"/>
      <c r="M256" s="1"/>
      <c r="N256" s="1"/>
      <c r="O256" s="1"/>
      <c r="P256" s="1"/>
      <c r="Q256" s="1"/>
      <c r="R256" s="1"/>
      <c r="S256" s="1"/>
      <c r="T256" s="1"/>
      <c r="U256" s="1"/>
      <c r="V256" s="1"/>
      <c r="W256" s="1"/>
      <c r="X256" s="1"/>
      <c r="Y256" s="1"/>
      <c r="Z256" s="1"/>
      <c r="AA256" s="1"/>
      <c r="AB256" s="1"/>
      <c r="AC256" s="1"/>
      <c r="AD256" s="1"/>
      <c r="AE256" s="1"/>
      <c r="AF256" s="1"/>
      <c r="AG256" s="1"/>
      <c r="AH256" s="1"/>
      <c r="AI256" s="1"/>
      <c r="AJ256" s="1"/>
      <c r="AK256" s="1"/>
      <c r="AL256" s="1"/>
      <c r="AM256" s="1"/>
      <c r="AN256" s="1"/>
      <c r="AO256" s="1"/>
      <c r="AP256" s="1"/>
      <c r="AQ256" s="1"/>
      <c r="AR256" s="1"/>
      <c r="AS256" s="1"/>
      <c r="AT256" s="1"/>
      <c r="AU256" s="1"/>
      <c r="AV256" s="1"/>
      <c r="AW256" s="1"/>
      <c r="AX256" s="1"/>
      <c r="AY256" s="1"/>
      <c r="AZ256" s="1"/>
      <c r="BA256" s="1"/>
      <c r="BB256" s="1"/>
      <c r="BC256" s="1"/>
      <c r="BD256" s="1"/>
      <c r="BE256" s="1"/>
      <c r="BF256" s="1"/>
      <c r="BG256" s="1"/>
      <c r="BH256" s="1"/>
      <c r="BI256" s="1"/>
      <c r="BJ256" s="1"/>
      <c r="BK256" s="1"/>
      <c r="BL256" s="1"/>
      <c r="BM256" s="1"/>
      <c r="BN256" s="1"/>
      <c r="BO256" s="1"/>
      <c r="BP256" s="1"/>
      <c r="BQ256" s="1"/>
      <c r="BR256" s="1"/>
      <c r="BS256" s="1"/>
      <c r="BT256" s="1"/>
      <c r="BU256" s="1"/>
    </row>
  </sheetData>
  <protectedRanges>
    <protectedRange sqref="CN46:CN49 AR48:AR49 AR46 AY46:AY49 AY51:AY54 AY56:AY59 AY61:AY64 AY66:AY69 AY71:AY74 AY76:AY79 AY81:AY84 AY86:AY89 AZ45:BK89 BX45:CM89 D45:U89 AR53:AR54 AR51 AR58:AR59 AR63:AR64 AR68:AR69 AR73:AR74 AR78:AR79 AR83:AR84 AR88:AR89 AR56 AR61 AR66 AR71 AR76 AR81 AR86 AF45:AQ89 AS45:AV89 BN45:BR89 CN51:CN54 CN56:CN59 CN61:CN64 CN66:CN69 CN71:CN74 CN76:CN79 CN81:CN84 CN86:CN89" name="範囲3_1_1"/>
  </protectedRanges>
  <mergeCells count="230">
    <mergeCell ref="AH80:AI81"/>
    <mergeCell ref="AJ80:AM81"/>
    <mergeCell ref="AN80:AQ81"/>
    <mergeCell ref="AR80:AU81"/>
    <mergeCell ref="AF82:AK84"/>
    <mergeCell ref="AL82:AU84"/>
    <mergeCell ref="AF85:AG86"/>
    <mergeCell ref="AH85:AI86"/>
    <mergeCell ref="AJ85:AM86"/>
    <mergeCell ref="AN85:AQ86"/>
    <mergeCell ref="AR85:AU86"/>
    <mergeCell ref="AF72:AK74"/>
    <mergeCell ref="AL72:AU74"/>
    <mergeCell ref="AF75:AG76"/>
    <mergeCell ref="AH75:AI76"/>
    <mergeCell ref="AJ75:AM76"/>
    <mergeCell ref="AN75:AQ76"/>
    <mergeCell ref="AR75:AU76"/>
    <mergeCell ref="AF77:AK79"/>
    <mergeCell ref="AL77:AU79"/>
    <mergeCell ref="AF65:AG66"/>
    <mergeCell ref="AH65:AI66"/>
    <mergeCell ref="AJ65:AM66"/>
    <mergeCell ref="AN65:AQ66"/>
    <mergeCell ref="AR65:AU66"/>
    <mergeCell ref="AF67:AK69"/>
    <mergeCell ref="AL67:AU69"/>
    <mergeCell ref="AF70:AG71"/>
    <mergeCell ref="AH70:AI71"/>
    <mergeCell ref="AJ70:AM71"/>
    <mergeCell ref="AN70:AQ71"/>
    <mergeCell ref="AR70:AU71"/>
    <mergeCell ref="AF57:AK59"/>
    <mergeCell ref="AL57:AU59"/>
    <mergeCell ref="AF60:AG61"/>
    <mergeCell ref="AH60:AI61"/>
    <mergeCell ref="AJ60:AM61"/>
    <mergeCell ref="AN60:AQ61"/>
    <mergeCell ref="AR60:AU61"/>
    <mergeCell ref="AF62:AK64"/>
    <mergeCell ref="AL62:AU64"/>
    <mergeCell ref="AF50:AG51"/>
    <mergeCell ref="AH50:AI51"/>
    <mergeCell ref="AJ50:AM51"/>
    <mergeCell ref="AN50:AQ51"/>
    <mergeCell ref="AR50:AU51"/>
    <mergeCell ref="AF52:AK54"/>
    <mergeCell ref="AL52:AU54"/>
    <mergeCell ref="AF55:AG56"/>
    <mergeCell ref="AH55:AI56"/>
    <mergeCell ref="AJ55:AM56"/>
    <mergeCell ref="AN55:AQ56"/>
    <mergeCell ref="AR55:AU56"/>
    <mergeCell ref="AF45:AG46"/>
    <mergeCell ref="AH45:AI46"/>
    <mergeCell ref="AJ45:AM46"/>
    <mergeCell ref="AN45:AQ46"/>
    <mergeCell ref="AR45:AU46"/>
    <mergeCell ref="AF47:AK49"/>
    <mergeCell ref="AL47:AU49"/>
    <mergeCell ref="BA10:BC13"/>
    <mergeCell ref="BD10:BQ13"/>
    <mergeCell ref="A37:BL38"/>
    <mergeCell ref="BD14:BO16"/>
    <mergeCell ref="BL45:BM49"/>
    <mergeCell ref="D39:AE39"/>
    <mergeCell ref="D40:AE44"/>
    <mergeCell ref="D45:AE45"/>
    <mergeCell ref="D46:AE49"/>
    <mergeCell ref="BD20:BV22"/>
    <mergeCell ref="A39:C44"/>
    <mergeCell ref="AF39:AU44"/>
    <mergeCell ref="A116:E119"/>
    <mergeCell ref="F116:CR119"/>
    <mergeCell ref="A120:E123"/>
    <mergeCell ref="A124:E127"/>
    <mergeCell ref="A128:E131"/>
    <mergeCell ref="F128:CR131"/>
    <mergeCell ref="A132:E135"/>
    <mergeCell ref="F132:CR135"/>
    <mergeCell ref="F120:CR123"/>
    <mergeCell ref="F124:CR127"/>
    <mergeCell ref="D85:AE85"/>
    <mergeCell ref="D86:AE89"/>
    <mergeCell ref="A91:CR93"/>
    <mergeCell ref="L94:CR98"/>
    <mergeCell ref="L99:CR103"/>
    <mergeCell ref="L104:CR108"/>
    <mergeCell ref="A113:BO115"/>
    <mergeCell ref="A110:CC112"/>
    <mergeCell ref="AF87:AK89"/>
    <mergeCell ref="AL87:AU89"/>
    <mergeCell ref="CN85:CR89"/>
    <mergeCell ref="A94:K108"/>
    <mergeCell ref="BD85:BF89"/>
    <mergeCell ref="BG85:BH89"/>
    <mergeCell ref="BI85:BK89"/>
    <mergeCell ref="BL85:BM89"/>
    <mergeCell ref="BS85:CM89"/>
    <mergeCell ref="D50:AE50"/>
    <mergeCell ref="D51:AE54"/>
    <mergeCell ref="D55:AE55"/>
    <mergeCell ref="D56:AE59"/>
    <mergeCell ref="D60:AE60"/>
    <mergeCell ref="D61:AE64"/>
    <mergeCell ref="D65:AE65"/>
    <mergeCell ref="D66:AE69"/>
    <mergeCell ref="D70:AE70"/>
    <mergeCell ref="DB19:EU50"/>
    <mergeCell ref="CL37:CR38"/>
    <mergeCell ref="BN50:BR54"/>
    <mergeCell ref="CN50:CR54"/>
    <mergeCell ref="BZ20:CI22"/>
    <mergeCell ref="CJ20:CL22"/>
    <mergeCell ref="CM20:CR22"/>
    <mergeCell ref="BD31:BN33"/>
    <mergeCell ref="BT31:BV33"/>
    <mergeCell ref="BW31:CA33"/>
    <mergeCell ref="CB31:CD33"/>
    <mergeCell ref="CE31:CI33"/>
    <mergeCell ref="CH24:CQ26"/>
    <mergeCell ref="BF29:CG30"/>
    <mergeCell ref="BL50:BM54"/>
    <mergeCell ref="BG50:BH54"/>
    <mergeCell ref="BD50:BF54"/>
    <mergeCell ref="BI50:BK54"/>
    <mergeCell ref="BD45:BF49"/>
    <mergeCell ref="BG45:BH49"/>
    <mergeCell ref="BI45:BK49"/>
    <mergeCell ref="BS50:CM54"/>
    <mergeCell ref="BS39:CM44"/>
    <mergeCell ref="BS45:CM49"/>
    <mergeCell ref="BD7:BR8"/>
    <mergeCell ref="BN39:BR44"/>
    <mergeCell ref="BD4:BN6"/>
    <mergeCell ref="BA4:BC6"/>
    <mergeCell ref="BD17:BY18"/>
    <mergeCell ref="A2:AW3"/>
    <mergeCell ref="BA2:CR3"/>
    <mergeCell ref="A4:B35"/>
    <mergeCell ref="C4:AW35"/>
    <mergeCell ref="AX4:AZ35"/>
    <mergeCell ref="BD34:CP35"/>
    <mergeCell ref="BR14:BT16"/>
    <mergeCell ref="BZ14:CB16"/>
    <mergeCell ref="CH14:CJ16"/>
    <mergeCell ref="BU14:BY16"/>
    <mergeCell ref="CC14:CG16"/>
    <mergeCell ref="CK14:CO16"/>
    <mergeCell ref="BO4:CR6"/>
    <mergeCell ref="BR10:BY13"/>
    <mergeCell ref="BZ10:CG13"/>
    <mergeCell ref="CH10:CO13"/>
    <mergeCell ref="BW20:BY22"/>
    <mergeCell ref="CN39:CR44"/>
    <mergeCell ref="BA20:BC22"/>
    <mergeCell ref="BD24:CF26"/>
    <mergeCell ref="BA31:BC33"/>
    <mergeCell ref="BD27:CI28"/>
    <mergeCell ref="CN45:CR49"/>
    <mergeCell ref="A45:C89"/>
    <mergeCell ref="BN85:BR89"/>
    <mergeCell ref="AV39:BM44"/>
    <mergeCell ref="BB50:BC54"/>
    <mergeCell ref="AV50:BA54"/>
    <mergeCell ref="AV45:BA49"/>
    <mergeCell ref="BB45:BC49"/>
    <mergeCell ref="BS55:CM59"/>
    <mergeCell ref="BS60:CM64"/>
    <mergeCell ref="BS65:CM69"/>
    <mergeCell ref="BS70:CM74"/>
    <mergeCell ref="BS75:CM79"/>
    <mergeCell ref="BS80:CM84"/>
    <mergeCell ref="AV85:BA89"/>
    <mergeCell ref="BB85:BC89"/>
    <mergeCell ref="AV75:BA79"/>
    <mergeCell ref="BB75:BC79"/>
    <mergeCell ref="BD75:BF79"/>
    <mergeCell ref="BG75:BH79"/>
    <mergeCell ref="BI75:BK79"/>
    <mergeCell ref="BL75:BM79"/>
    <mergeCell ref="BN55:BR59"/>
    <mergeCell ref="CN55:CR59"/>
    <mergeCell ref="BN45:BR49"/>
    <mergeCell ref="CN60:CR64"/>
    <mergeCell ref="BN65:BR69"/>
    <mergeCell ref="BN60:BR64"/>
    <mergeCell ref="CN65:CR69"/>
    <mergeCell ref="BG60:BH64"/>
    <mergeCell ref="BI60:BK64"/>
    <mergeCell ref="BL60:BM64"/>
    <mergeCell ref="BG65:BH69"/>
    <mergeCell ref="BI65:BK69"/>
    <mergeCell ref="BL65:BM69"/>
    <mergeCell ref="AV55:BA59"/>
    <mergeCell ref="BB55:BC59"/>
    <mergeCell ref="BD55:BF59"/>
    <mergeCell ref="BG55:BH59"/>
    <mergeCell ref="BI55:BK59"/>
    <mergeCell ref="BL55:BM59"/>
    <mergeCell ref="AV60:BA64"/>
    <mergeCell ref="BB60:BC64"/>
    <mergeCell ref="AV65:BA69"/>
    <mergeCell ref="BB65:BC69"/>
    <mergeCell ref="BD60:BF64"/>
    <mergeCell ref="BD65:BF69"/>
    <mergeCell ref="D71:AE74"/>
    <mergeCell ref="BN80:BR84"/>
    <mergeCell ref="CN80:CR84"/>
    <mergeCell ref="BN75:BR79"/>
    <mergeCell ref="AV80:BA84"/>
    <mergeCell ref="BB80:BC84"/>
    <mergeCell ref="BD80:BF84"/>
    <mergeCell ref="BG80:BH84"/>
    <mergeCell ref="BI80:BK84"/>
    <mergeCell ref="BL80:BM84"/>
    <mergeCell ref="D75:AE75"/>
    <mergeCell ref="D76:AE79"/>
    <mergeCell ref="D80:AE80"/>
    <mergeCell ref="D81:AE84"/>
    <mergeCell ref="AF80:AG81"/>
    <mergeCell ref="BN70:BR74"/>
    <mergeCell ref="CN70:CR74"/>
    <mergeCell ref="CN75:CR79"/>
    <mergeCell ref="AV70:BA74"/>
    <mergeCell ref="BB70:BC74"/>
    <mergeCell ref="BD70:BF74"/>
    <mergeCell ref="BG70:BH74"/>
    <mergeCell ref="BI70:BK74"/>
    <mergeCell ref="BL70:BM74"/>
  </mergeCells>
  <phoneticPr fontId="2"/>
  <printOptions horizontalCentered="1" verticalCentered="1"/>
  <pageMargins left="0.43307086614173229" right="0.27559055118110237" top="0.39370078740157483" bottom="0.39370078740157483" header="0.31496062992125984" footer="0.31496062992125984"/>
  <pageSetup paperSize="9" scale="61" firstPageNumber="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1</xdr:col>
                    <xdr:colOff>82550</xdr:colOff>
                    <xdr:row>115</xdr:row>
                    <xdr:rowOff>19050</xdr:rowOff>
                  </from>
                  <to>
                    <xdr:col>76</xdr:col>
                    <xdr:colOff>69850</xdr:colOff>
                    <xdr:row>119</xdr:row>
                    <xdr:rowOff>635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1</xdr:col>
                    <xdr:colOff>88900</xdr:colOff>
                    <xdr:row>119</xdr:row>
                    <xdr:rowOff>38100</xdr:rowOff>
                  </from>
                  <to>
                    <xdr:col>76</xdr:col>
                    <xdr:colOff>76200</xdr:colOff>
                    <xdr:row>123</xdr:row>
                    <xdr:rowOff>6350</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1</xdr:col>
                    <xdr:colOff>88900</xdr:colOff>
                    <xdr:row>123</xdr:row>
                    <xdr:rowOff>25400</xdr:rowOff>
                  </from>
                  <to>
                    <xdr:col>76</xdr:col>
                    <xdr:colOff>76200</xdr:colOff>
                    <xdr:row>126</xdr:row>
                    <xdr:rowOff>8890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1</xdr:col>
                    <xdr:colOff>76200</xdr:colOff>
                    <xdr:row>127</xdr:row>
                    <xdr:rowOff>12700</xdr:rowOff>
                  </from>
                  <to>
                    <xdr:col>76</xdr:col>
                    <xdr:colOff>63500</xdr:colOff>
                    <xdr:row>130</xdr:row>
                    <xdr:rowOff>76200</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from>
                    <xdr:col>1</xdr:col>
                    <xdr:colOff>76200</xdr:colOff>
                    <xdr:row>131</xdr:row>
                    <xdr:rowOff>12700</xdr:rowOff>
                  </from>
                  <to>
                    <xdr:col>76</xdr:col>
                    <xdr:colOff>63500</xdr:colOff>
                    <xdr:row>134</xdr:row>
                    <xdr:rowOff>76200</xdr:rowOff>
                  </to>
                </anchor>
              </controlPr>
            </control>
          </mc:Choice>
        </mc:AlternateContent>
        <mc:AlternateContent xmlns:mc="http://schemas.openxmlformats.org/markup-compatibility/2006">
          <mc:Choice Requires="x14">
            <control shapeId="2054" r:id="rId9" name="Check Box 6">
              <controlPr defaultSize="0" autoFill="0" autoLine="0" autoPict="0">
                <anchor moveWithCells="1">
                  <from>
                    <xdr:col>2</xdr:col>
                    <xdr:colOff>101600</xdr:colOff>
                    <xdr:row>2</xdr:row>
                    <xdr:rowOff>114300</xdr:rowOff>
                  </from>
                  <to>
                    <xdr:col>8</xdr:col>
                    <xdr:colOff>6350</xdr:colOff>
                    <xdr:row>6</xdr:row>
                    <xdr:rowOff>63500</xdr:rowOff>
                  </to>
                </anchor>
              </controlPr>
            </control>
          </mc:Choice>
        </mc:AlternateContent>
        <mc:AlternateContent xmlns:mc="http://schemas.openxmlformats.org/markup-compatibility/2006">
          <mc:Choice Requires="x14">
            <control shapeId="2055" r:id="rId10" name="Check Box 7">
              <controlPr defaultSize="0" autoFill="0" autoLine="0" autoPict="0">
                <anchor moveWithCells="1">
                  <from>
                    <xdr:col>2</xdr:col>
                    <xdr:colOff>107950</xdr:colOff>
                    <xdr:row>6</xdr:row>
                    <xdr:rowOff>50800</xdr:rowOff>
                  </from>
                  <to>
                    <xdr:col>6</xdr:col>
                    <xdr:colOff>57150</xdr:colOff>
                    <xdr:row>10</xdr:row>
                    <xdr:rowOff>69850</xdr:rowOff>
                  </to>
                </anchor>
              </controlPr>
            </control>
          </mc:Choice>
        </mc:AlternateContent>
        <mc:AlternateContent xmlns:mc="http://schemas.openxmlformats.org/markup-compatibility/2006">
          <mc:Choice Requires="x14">
            <control shapeId="2056" r:id="rId11" name="Check Box 8">
              <controlPr defaultSize="0" autoFill="0" autoLine="0" autoPict="0">
                <anchor moveWithCells="1">
                  <from>
                    <xdr:col>21</xdr:col>
                    <xdr:colOff>69850</xdr:colOff>
                    <xdr:row>9</xdr:row>
                    <xdr:rowOff>44450</xdr:rowOff>
                  </from>
                  <to>
                    <xdr:col>25</xdr:col>
                    <xdr:colOff>19050</xdr:colOff>
                    <xdr:row>11</xdr:row>
                    <xdr:rowOff>69850</xdr:rowOff>
                  </to>
                </anchor>
              </controlPr>
            </control>
          </mc:Choice>
        </mc:AlternateContent>
        <mc:AlternateContent xmlns:mc="http://schemas.openxmlformats.org/markup-compatibility/2006">
          <mc:Choice Requires="x14">
            <control shapeId="2058" r:id="rId12" name="Check Box 10">
              <controlPr defaultSize="0" autoFill="0" autoLine="0" autoPict="0">
                <anchor moveWithCells="1">
                  <from>
                    <xdr:col>21</xdr:col>
                    <xdr:colOff>69850</xdr:colOff>
                    <xdr:row>11</xdr:row>
                    <xdr:rowOff>50800</xdr:rowOff>
                  </from>
                  <to>
                    <xdr:col>25</xdr:col>
                    <xdr:colOff>19050</xdr:colOff>
                    <xdr:row>13</xdr:row>
                    <xdr:rowOff>76200</xdr:rowOff>
                  </to>
                </anchor>
              </controlPr>
            </control>
          </mc:Choice>
        </mc:AlternateContent>
        <mc:AlternateContent xmlns:mc="http://schemas.openxmlformats.org/markup-compatibility/2006">
          <mc:Choice Requires="x14">
            <control shapeId="2059" r:id="rId13" name="Check Box 11">
              <controlPr defaultSize="0" autoFill="0" autoLine="0" autoPict="0">
                <anchor moveWithCells="1">
                  <from>
                    <xdr:col>29</xdr:col>
                    <xdr:colOff>31750</xdr:colOff>
                    <xdr:row>9</xdr:row>
                    <xdr:rowOff>31750</xdr:rowOff>
                  </from>
                  <to>
                    <xdr:col>32</xdr:col>
                    <xdr:colOff>88900</xdr:colOff>
                    <xdr:row>11</xdr:row>
                    <xdr:rowOff>57150</xdr:rowOff>
                  </to>
                </anchor>
              </controlPr>
            </control>
          </mc:Choice>
        </mc:AlternateContent>
        <mc:AlternateContent xmlns:mc="http://schemas.openxmlformats.org/markup-compatibility/2006">
          <mc:Choice Requires="x14">
            <control shapeId="2060" r:id="rId14" name="Check Box 12">
              <controlPr defaultSize="0" autoFill="0" autoLine="0" autoPict="0">
                <anchor moveWithCells="1">
                  <from>
                    <xdr:col>29</xdr:col>
                    <xdr:colOff>31750</xdr:colOff>
                    <xdr:row>11</xdr:row>
                    <xdr:rowOff>44450</xdr:rowOff>
                  </from>
                  <to>
                    <xdr:col>32</xdr:col>
                    <xdr:colOff>88900</xdr:colOff>
                    <xdr:row>13</xdr:row>
                    <xdr:rowOff>69850</xdr:rowOff>
                  </to>
                </anchor>
              </controlPr>
            </control>
          </mc:Choice>
        </mc:AlternateContent>
        <mc:AlternateContent xmlns:mc="http://schemas.openxmlformats.org/markup-compatibility/2006">
          <mc:Choice Requires="x14">
            <control shapeId="2061" r:id="rId15" name="Check Box 13">
              <controlPr defaultSize="0" autoFill="0" autoLine="0" autoPict="0">
                <anchor moveWithCells="1">
                  <from>
                    <xdr:col>3</xdr:col>
                    <xdr:colOff>12700</xdr:colOff>
                    <xdr:row>15</xdr:row>
                    <xdr:rowOff>38100</xdr:rowOff>
                  </from>
                  <to>
                    <xdr:col>14</xdr:col>
                    <xdr:colOff>69850</xdr:colOff>
                    <xdr:row>17</xdr:row>
                    <xdr:rowOff>63500</xdr:rowOff>
                  </to>
                </anchor>
              </controlPr>
            </control>
          </mc:Choice>
        </mc:AlternateContent>
        <mc:AlternateContent xmlns:mc="http://schemas.openxmlformats.org/markup-compatibility/2006">
          <mc:Choice Requires="x14">
            <control shapeId="2062" r:id="rId16" name="Check Box 14">
              <controlPr defaultSize="0" autoFill="0" autoLine="0" autoPict="0">
                <anchor moveWithCells="1">
                  <from>
                    <xdr:col>3</xdr:col>
                    <xdr:colOff>6350</xdr:colOff>
                    <xdr:row>21</xdr:row>
                    <xdr:rowOff>38100</xdr:rowOff>
                  </from>
                  <to>
                    <xdr:col>13</xdr:col>
                    <xdr:colOff>88900</xdr:colOff>
                    <xdr:row>23</xdr:row>
                    <xdr:rowOff>50800</xdr:rowOff>
                  </to>
                </anchor>
              </controlPr>
            </control>
          </mc:Choice>
        </mc:AlternateContent>
        <mc:AlternateContent xmlns:mc="http://schemas.openxmlformats.org/markup-compatibility/2006">
          <mc:Choice Requires="x14">
            <control shapeId="2063" r:id="rId17" name="Check Box 15">
              <controlPr defaultSize="0" autoFill="0" autoLine="0" autoPict="0">
                <anchor moveWithCells="1">
                  <from>
                    <xdr:col>2</xdr:col>
                    <xdr:colOff>107950</xdr:colOff>
                    <xdr:row>25</xdr:row>
                    <xdr:rowOff>38100</xdr:rowOff>
                  </from>
                  <to>
                    <xdr:col>23</xdr:col>
                    <xdr:colOff>25400</xdr:colOff>
                    <xdr:row>27</xdr:row>
                    <xdr:rowOff>63500</xdr:rowOff>
                  </to>
                </anchor>
              </controlPr>
            </control>
          </mc:Choice>
        </mc:AlternateContent>
        <mc:AlternateContent xmlns:mc="http://schemas.openxmlformats.org/markup-compatibility/2006">
          <mc:Choice Requires="x14">
            <control shapeId="2064" r:id="rId18" name="Check Box 16">
              <controlPr defaultSize="0" autoFill="0" autoLine="0" autoPict="0">
                <anchor moveWithCells="1">
                  <from>
                    <xdr:col>2</xdr:col>
                    <xdr:colOff>101600</xdr:colOff>
                    <xdr:row>29</xdr:row>
                    <xdr:rowOff>19050</xdr:rowOff>
                  </from>
                  <to>
                    <xdr:col>26</xdr:col>
                    <xdr:colOff>6350</xdr:colOff>
                    <xdr:row>32</xdr:row>
                    <xdr:rowOff>6350</xdr:rowOff>
                  </to>
                </anchor>
              </controlPr>
            </control>
          </mc:Choice>
        </mc:AlternateContent>
        <mc:AlternateContent xmlns:mc="http://schemas.openxmlformats.org/markup-compatibility/2006">
          <mc:Choice Requires="x14">
            <control shapeId="2065" r:id="rId19" name="Check Box 17">
              <controlPr defaultSize="0" autoFill="0" autoLine="0" autoPict="0">
                <anchor moveWithCells="1">
                  <from>
                    <xdr:col>52</xdr:col>
                    <xdr:colOff>82550</xdr:colOff>
                    <xdr:row>2</xdr:row>
                    <xdr:rowOff>82550</xdr:rowOff>
                  </from>
                  <to>
                    <xdr:col>63</xdr:col>
                    <xdr:colOff>76200</xdr:colOff>
                    <xdr:row>6</xdr:row>
                    <xdr:rowOff>25400</xdr:rowOff>
                  </to>
                </anchor>
              </controlPr>
            </control>
          </mc:Choice>
        </mc:AlternateContent>
        <mc:AlternateContent xmlns:mc="http://schemas.openxmlformats.org/markup-compatibility/2006">
          <mc:Choice Requires="x14">
            <control shapeId="2066" r:id="rId20" name="Check Box 18">
              <controlPr defaultSize="0" autoFill="0" autoLine="0" autoPict="0">
                <anchor moveWithCells="1">
                  <from>
                    <xdr:col>52</xdr:col>
                    <xdr:colOff>76200</xdr:colOff>
                    <xdr:row>8</xdr:row>
                    <xdr:rowOff>69850</xdr:rowOff>
                  </from>
                  <to>
                    <xdr:col>65</xdr:col>
                    <xdr:colOff>69850</xdr:colOff>
                    <xdr:row>13</xdr:row>
                    <xdr:rowOff>12700</xdr:rowOff>
                  </to>
                </anchor>
              </controlPr>
            </control>
          </mc:Choice>
        </mc:AlternateContent>
        <mc:AlternateContent xmlns:mc="http://schemas.openxmlformats.org/markup-compatibility/2006">
          <mc:Choice Requires="x14">
            <control shapeId="2067" r:id="rId21" name="Check Box 19">
              <controlPr defaultSize="0" autoFill="0" autoLine="0" autoPict="0">
                <anchor moveWithCells="1">
                  <from>
                    <xdr:col>70</xdr:col>
                    <xdr:colOff>25400</xdr:colOff>
                    <xdr:row>9</xdr:row>
                    <xdr:rowOff>50800</xdr:rowOff>
                  </from>
                  <to>
                    <xdr:col>75</xdr:col>
                    <xdr:colOff>38100</xdr:colOff>
                    <xdr:row>12</xdr:row>
                    <xdr:rowOff>50800</xdr:rowOff>
                  </to>
                </anchor>
              </controlPr>
            </control>
          </mc:Choice>
        </mc:AlternateContent>
        <mc:AlternateContent xmlns:mc="http://schemas.openxmlformats.org/markup-compatibility/2006">
          <mc:Choice Requires="x14">
            <control shapeId="2068" r:id="rId22" name="Check Box 20">
              <controlPr defaultSize="0" autoFill="0" autoLine="0" autoPict="0">
                <anchor moveWithCells="1">
                  <from>
                    <xdr:col>78</xdr:col>
                    <xdr:colOff>69850</xdr:colOff>
                    <xdr:row>9</xdr:row>
                    <xdr:rowOff>0</xdr:rowOff>
                  </from>
                  <to>
                    <xdr:col>83</xdr:col>
                    <xdr:colOff>88900</xdr:colOff>
                    <xdr:row>13</xdr:row>
                    <xdr:rowOff>0</xdr:rowOff>
                  </to>
                </anchor>
              </controlPr>
            </control>
          </mc:Choice>
        </mc:AlternateContent>
        <mc:AlternateContent xmlns:mc="http://schemas.openxmlformats.org/markup-compatibility/2006">
          <mc:Choice Requires="x14">
            <control shapeId="2069" r:id="rId23" name="Check Box 21">
              <controlPr defaultSize="0" autoFill="0" autoLine="0" autoPict="0">
                <anchor moveWithCells="1">
                  <from>
                    <xdr:col>86</xdr:col>
                    <xdr:colOff>76200</xdr:colOff>
                    <xdr:row>9</xdr:row>
                    <xdr:rowOff>50800</xdr:rowOff>
                  </from>
                  <to>
                    <xdr:col>91</xdr:col>
                    <xdr:colOff>95250</xdr:colOff>
                    <xdr:row>12</xdr:row>
                    <xdr:rowOff>50800</xdr:rowOff>
                  </to>
                </anchor>
              </controlPr>
            </control>
          </mc:Choice>
        </mc:AlternateContent>
        <mc:AlternateContent xmlns:mc="http://schemas.openxmlformats.org/markup-compatibility/2006">
          <mc:Choice Requires="x14">
            <control shapeId="2070" r:id="rId24" name="Check Box 22">
              <controlPr defaultSize="0" autoFill="0" autoLine="0" autoPict="0">
                <anchor moveWithCells="1">
                  <from>
                    <xdr:col>70</xdr:col>
                    <xdr:colOff>31750</xdr:colOff>
                    <xdr:row>13</xdr:row>
                    <xdr:rowOff>0</xdr:rowOff>
                  </from>
                  <to>
                    <xdr:col>75</xdr:col>
                    <xdr:colOff>44450</xdr:colOff>
                    <xdr:row>15</xdr:row>
                    <xdr:rowOff>69850</xdr:rowOff>
                  </to>
                </anchor>
              </controlPr>
            </control>
          </mc:Choice>
        </mc:AlternateContent>
        <mc:AlternateContent xmlns:mc="http://schemas.openxmlformats.org/markup-compatibility/2006">
          <mc:Choice Requires="x14">
            <control shapeId="2071" r:id="rId25" name="Check Box 23">
              <controlPr defaultSize="0" autoFill="0" autoLine="0" autoPict="0">
                <anchor moveWithCells="1">
                  <from>
                    <xdr:col>78</xdr:col>
                    <xdr:colOff>88900</xdr:colOff>
                    <xdr:row>13</xdr:row>
                    <xdr:rowOff>0</xdr:rowOff>
                  </from>
                  <to>
                    <xdr:col>83</xdr:col>
                    <xdr:colOff>101600</xdr:colOff>
                    <xdr:row>15</xdr:row>
                    <xdr:rowOff>69850</xdr:rowOff>
                  </to>
                </anchor>
              </controlPr>
            </control>
          </mc:Choice>
        </mc:AlternateContent>
        <mc:AlternateContent xmlns:mc="http://schemas.openxmlformats.org/markup-compatibility/2006">
          <mc:Choice Requires="x14">
            <control shapeId="2072" r:id="rId26" name="Check Box 24">
              <controlPr defaultSize="0" autoFill="0" autoLine="0" autoPict="0">
                <anchor moveWithCells="1">
                  <from>
                    <xdr:col>86</xdr:col>
                    <xdr:colOff>88900</xdr:colOff>
                    <xdr:row>13</xdr:row>
                    <xdr:rowOff>0</xdr:rowOff>
                  </from>
                  <to>
                    <xdr:col>91</xdr:col>
                    <xdr:colOff>101600</xdr:colOff>
                    <xdr:row>15</xdr:row>
                    <xdr:rowOff>69850</xdr:rowOff>
                  </to>
                </anchor>
              </controlPr>
            </control>
          </mc:Choice>
        </mc:AlternateContent>
        <mc:AlternateContent xmlns:mc="http://schemas.openxmlformats.org/markup-compatibility/2006">
          <mc:Choice Requires="x14">
            <control shapeId="2073" r:id="rId27" name="Check Box 25">
              <controlPr defaultSize="0" autoFill="0" autoLine="0" autoPict="0">
                <anchor moveWithCells="1">
                  <from>
                    <xdr:col>56</xdr:col>
                    <xdr:colOff>88900</xdr:colOff>
                    <xdr:row>27</xdr:row>
                    <xdr:rowOff>38100</xdr:rowOff>
                  </from>
                  <to>
                    <xdr:col>61</xdr:col>
                    <xdr:colOff>6350</xdr:colOff>
                    <xdr:row>30</xdr:row>
                    <xdr:rowOff>38100</xdr:rowOff>
                  </to>
                </anchor>
              </controlPr>
            </control>
          </mc:Choice>
        </mc:AlternateContent>
        <mc:AlternateContent xmlns:mc="http://schemas.openxmlformats.org/markup-compatibility/2006">
          <mc:Choice Requires="x14">
            <control shapeId="2074" r:id="rId28" name="Check Box 26">
              <controlPr defaultSize="0" autoFill="0" autoLine="0" autoPict="0">
                <anchor moveWithCells="1">
                  <from>
                    <xdr:col>52</xdr:col>
                    <xdr:colOff>107950</xdr:colOff>
                    <xdr:row>18</xdr:row>
                    <xdr:rowOff>76200</xdr:rowOff>
                  </from>
                  <to>
                    <xdr:col>67</xdr:col>
                    <xdr:colOff>25400</xdr:colOff>
                    <xdr:row>22</xdr:row>
                    <xdr:rowOff>19050</xdr:rowOff>
                  </to>
                </anchor>
              </controlPr>
            </control>
          </mc:Choice>
        </mc:AlternateContent>
        <mc:AlternateContent xmlns:mc="http://schemas.openxmlformats.org/markup-compatibility/2006">
          <mc:Choice Requires="x14">
            <control shapeId="2075" r:id="rId29" name="Check Box 27">
              <controlPr defaultSize="0" autoFill="0" autoLine="0" autoPict="0">
                <anchor moveWithCells="1">
                  <from>
                    <xdr:col>74</xdr:col>
                    <xdr:colOff>107950</xdr:colOff>
                    <xdr:row>19</xdr:row>
                    <xdr:rowOff>19050</xdr:rowOff>
                  </from>
                  <to>
                    <xdr:col>85</xdr:col>
                    <xdr:colOff>88900</xdr:colOff>
                    <xdr:row>22</xdr:row>
                    <xdr:rowOff>0</xdr:rowOff>
                  </to>
                </anchor>
              </controlPr>
            </control>
          </mc:Choice>
        </mc:AlternateContent>
        <mc:AlternateContent xmlns:mc="http://schemas.openxmlformats.org/markup-compatibility/2006">
          <mc:Choice Requires="x14">
            <control shapeId="2076" r:id="rId30" name="Check Box 28">
              <controlPr defaultSize="0" autoFill="0" autoLine="0" autoPict="0">
                <anchor moveWithCells="1">
                  <from>
                    <xdr:col>87</xdr:col>
                    <xdr:colOff>63500</xdr:colOff>
                    <xdr:row>18</xdr:row>
                    <xdr:rowOff>31750</xdr:rowOff>
                  </from>
                  <to>
                    <xdr:col>95</xdr:col>
                    <xdr:colOff>31750</xdr:colOff>
                    <xdr:row>22</xdr:row>
                    <xdr:rowOff>50800</xdr:rowOff>
                  </to>
                </anchor>
              </controlPr>
            </control>
          </mc:Choice>
        </mc:AlternateContent>
        <mc:AlternateContent xmlns:mc="http://schemas.openxmlformats.org/markup-compatibility/2006">
          <mc:Choice Requires="x14">
            <control shapeId="2077" r:id="rId31" name="Check Box 29">
              <controlPr defaultSize="0" autoFill="0" autoLine="0" autoPict="0">
                <anchor moveWithCells="1">
                  <from>
                    <xdr:col>61</xdr:col>
                    <xdr:colOff>57150</xdr:colOff>
                    <xdr:row>27</xdr:row>
                    <xdr:rowOff>63500</xdr:rowOff>
                  </from>
                  <to>
                    <xdr:col>65</xdr:col>
                    <xdr:colOff>19050</xdr:colOff>
                    <xdr:row>29</xdr:row>
                    <xdr:rowOff>69850</xdr:rowOff>
                  </to>
                </anchor>
              </controlPr>
            </control>
          </mc:Choice>
        </mc:AlternateContent>
        <mc:AlternateContent xmlns:mc="http://schemas.openxmlformats.org/markup-compatibility/2006">
          <mc:Choice Requires="x14">
            <control shapeId="2078" r:id="rId32" name="Check Box 30">
              <controlPr defaultSize="0" autoFill="0" autoLine="0" autoPict="0">
                <anchor moveWithCells="1">
                  <from>
                    <xdr:col>66</xdr:col>
                    <xdr:colOff>0</xdr:colOff>
                    <xdr:row>27</xdr:row>
                    <xdr:rowOff>57150</xdr:rowOff>
                  </from>
                  <to>
                    <xdr:col>69</xdr:col>
                    <xdr:colOff>82550</xdr:colOff>
                    <xdr:row>30</xdr:row>
                    <xdr:rowOff>25400</xdr:rowOff>
                  </to>
                </anchor>
              </controlPr>
            </control>
          </mc:Choice>
        </mc:AlternateContent>
        <mc:AlternateContent xmlns:mc="http://schemas.openxmlformats.org/markup-compatibility/2006">
          <mc:Choice Requires="x14">
            <control shapeId="2079" r:id="rId33" name="Check Box 31">
              <controlPr defaultSize="0" autoFill="0" autoLine="0" autoPict="0">
                <anchor moveWithCells="1">
                  <from>
                    <xdr:col>70</xdr:col>
                    <xdr:colOff>50800</xdr:colOff>
                    <xdr:row>27</xdr:row>
                    <xdr:rowOff>76200</xdr:rowOff>
                  </from>
                  <to>
                    <xdr:col>74</xdr:col>
                    <xdr:colOff>76200</xdr:colOff>
                    <xdr:row>30</xdr:row>
                    <xdr:rowOff>0</xdr:rowOff>
                  </to>
                </anchor>
              </controlPr>
            </control>
          </mc:Choice>
        </mc:AlternateContent>
        <mc:AlternateContent xmlns:mc="http://schemas.openxmlformats.org/markup-compatibility/2006">
          <mc:Choice Requires="x14">
            <control shapeId="2080" r:id="rId34" name="Check Box 32">
              <controlPr defaultSize="0" autoFill="0" autoLine="0" autoPict="0">
                <anchor moveWithCells="1">
                  <from>
                    <xdr:col>52</xdr:col>
                    <xdr:colOff>88900</xdr:colOff>
                    <xdr:row>30</xdr:row>
                    <xdr:rowOff>12700</xdr:rowOff>
                  </from>
                  <to>
                    <xdr:col>62</xdr:col>
                    <xdr:colOff>0</xdr:colOff>
                    <xdr:row>32</xdr:row>
                    <xdr:rowOff>95250</xdr:rowOff>
                  </to>
                </anchor>
              </controlPr>
            </control>
          </mc:Choice>
        </mc:AlternateContent>
        <mc:AlternateContent xmlns:mc="http://schemas.openxmlformats.org/markup-compatibility/2006">
          <mc:Choice Requires="x14">
            <control shapeId="2081" r:id="rId35" name="Check Box 33">
              <controlPr defaultSize="0" autoFill="0" autoLine="0" autoPict="0">
                <anchor moveWithCells="1">
                  <from>
                    <xdr:col>71</xdr:col>
                    <xdr:colOff>88900</xdr:colOff>
                    <xdr:row>30</xdr:row>
                    <xdr:rowOff>25400</xdr:rowOff>
                  </from>
                  <to>
                    <xdr:col>76</xdr:col>
                    <xdr:colOff>6350</xdr:colOff>
                    <xdr:row>32</xdr:row>
                    <xdr:rowOff>101600</xdr:rowOff>
                  </to>
                </anchor>
              </controlPr>
            </control>
          </mc:Choice>
        </mc:AlternateContent>
        <mc:AlternateContent xmlns:mc="http://schemas.openxmlformats.org/markup-compatibility/2006">
          <mc:Choice Requires="x14">
            <control shapeId="2082" r:id="rId36" name="Check Box 34">
              <controlPr defaultSize="0" autoFill="0" autoLine="0" autoPict="0">
                <anchor moveWithCells="1">
                  <from>
                    <xdr:col>79</xdr:col>
                    <xdr:colOff>107950</xdr:colOff>
                    <xdr:row>30</xdr:row>
                    <xdr:rowOff>25400</xdr:rowOff>
                  </from>
                  <to>
                    <xdr:col>84</xdr:col>
                    <xdr:colOff>82550</xdr:colOff>
                    <xdr:row>32</xdr:row>
                    <xdr:rowOff>69850</xdr:rowOff>
                  </to>
                </anchor>
              </controlPr>
            </control>
          </mc:Choice>
        </mc:AlternateContent>
        <mc:AlternateContent xmlns:mc="http://schemas.openxmlformats.org/markup-compatibility/2006">
          <mc:Choice Requires="x14">
            <control shapeId="2083" r:id="rId37" name="Check Box 35">
              <controlPr defaultSize="0" autoFill="0" autoLine="0" autoPict="0">
                <anchor moveWithCells="1">
                  <from>
                    <xdr:col>31</xdr:col>
                    <xdr:colOff>44450</xdr:colOff>
                    <xdr:row>44</xdr:row>
                    <xdr:rowOff>44450</xdr:rowOff>
                  </from>
                  <to>
                    <xdr:col>34</xdr:col>
                    <xdr:colOff>57150</xdr:colOff>
                    <xdr:row>45</xdr:row>
                    <xdr:rowOff>69850</xdr:rowOff>
                  </to>
                </anchor>
              </controlPr>
            </control>
          </mc:Choice>
        </mc:AlternateContent>
        <mc:AlternateContent xmlns:mc="http://schemas.openxmlformats.org/markup-compatibility/2006">
          <mc:Choice Requires="x14">
            <control shapeId="2084" r:id="rId38" name="Check Box 36">
              <controlPr defaultSize="0" autoFill="0" autoLine="0" autoPict="0">
                <anchor moveWithCells="1">
                  <from>
                    <xdr:col>35</xdr:col>
                    <xdr:colOff>44450</xdr:colOff>
                    <xdr:row>44</xdr:row>
                    <xdr:rowOff>44450</xdr:rowOff>
                  </from>
                  <to>
                    <xdr:col>38</xdr:col>
                    <xdr:colOff>57150</xdr:colOff>
                    <xdr:row>45</xdr:row>
                    <xdr:rowOff>69850</xdr:rowOff>
                  </to>
                </anchor>
              </controlPr>
            </control>
          </mc:Choice>
        </mc:AlternateContent>
        <mc:AlternateContent xmlns:mc="http://schemas.openxmlformats.org/markup-compatibility/2006">
          <mc:Choice Requires="x14">
            <control shapeId="2085" r:id="rId39" name="Check Box 37">
              <controlPr defaultSize="0" autoFill="0" autoLine="0" autoPict="0">
                <anchor moveWithCells="1">
                  <from>
                    <xdr:col>39</xdr:col>
                    <xdr:colOff>44450</xdr:colOff>
                    <xdr:row>44</xdr:row>
                    <xdr:rowOff>44450</xdr:rowOff>
                  </from>
                  <to>
                    <xdr:col>42</xdr:col>
                    <xdr:colOff>57150</xdr:colOff>
                    <xdr:row>45</xdr:row>
                    <xdr:rowOff>69850</xdr:rowOff>
                  </to>
                </anchor>
              </controlPr>
            </control>
          </mc:Choice>
        </mc:AlternateContent>
        <mc:AlternateContent xmlns:mc="http://schemas.openxmlformats.org/markup-compatibility/2006">
          <mc:Choice Requires="x14">
            <control shapeId="2086" r:id="rId40" name="Check Box 38">
              <controlPr defaultSize="0" autoFill="0" autoLine="0" autoPict="0">
                <anchor moveWithCells="1">
                  <from>
                    <xdr:col>43</xdr:col>
                    <xdr:colOff>44450</xdr:colOff>
                    <xdr:row>44</xdr:row>
                    <xdr:rowOff>44450</xdr:rowOff>
                  </from>
                  <to>
                    <xdr:col>46</xdr:col>
                    <xdr:colOff>57150</xdr:colOff>
                    <xdr:row>45</xdr:row>
                    <xdr:rowOff>69850</xdr:rowOff>
                  </to>
                </anchor>
              </controlPr>
            </control>
          </mc:Choice>
        </mc:AlternateContent>
        <mc:AlternateContent xmlns:mc="http://schemas.openxmlformats.org/markup-compatibility/2006">
          <mc:Choice Requires="x14">
            <control shapeId="2087" r:id="rId41" name="Check Box 39">
              <controlPr defaultSize="0" autoFill="0" autoLine="0" autoPict="0">
                <anchor moveWithCells="1">
                  <from>
                    <xdr:col>31</xdr:col>
                    <xdr:colOff>44450</xdr:colOff>
                    <xdr:row>46</xdr:row>
                    <xdr:rowOff>44450</xdr:rowOff>
                  </from>
                  <to>
                    <xdr:col>36</xdr:col>
                    <xdr:colOff>69850</xdr:colOff>
                    <xdr:row>48</xdr:row>
                    <xdr:rowOff>63500</xdr:rowOff>
                  </to>
                </anchor>
              </controlPr>
            </control>
          </mc:Choice>
        </mc:AlternateContent>
        <mc:AlternateContent xmlns:mc="http://schemas.openxmlformats.org/markup-compatibility/2006">
          <mc:Choice Requires="x14">
            <control shapeId="2088" r:id="rId42" name="Check Box 40">
              <controlPr defaultSize="0" autoFill="0" autoLine="0" autoPict="0">
                <anchor moveWithCells="1">
                  <from>
                    <xdr:col>31</xdr:col>
                    <xdr:colOff>44450</xdr:colOff>
                    <xdr:row>49</xdr:row>
                    <xdr:rowOff>44450</xdr:rowOff>
                  </from>
                  <to>
                    <xdr:col>34</xdr:col>
                    <xdr:colOff>57150</xdr:colOff>
                    <xdr:row>50</xdr:row>
                    <xdr:rowOff>63500</xdr:rowOff>
                  </to>
                </anchor>
              </controlPr>
            </control>
          </mc:Choice>
        </mc:AlternateContent>
        <mc:AlternateContent xmlns:mc="http://schemas.openxmlformats.org/markup-compatibility/2006">
          <mc:Choice Requires="x14">
            <control shapeId="2089" r:id="rId43" name="Check Box 41">
              <controlPr defaultSize="0" autoFill="0" autoLine="0" autoPict="0">
                <anchor moveWithCells="1">
                  <from>
                    <xdr:col>35</xdr:col>
                    <xdr:colOff>44450</xdr:colOff>
                    <xdr:row>49</xdr:row>
                    <xdr:rowOff>44450</xdr:rowOff>
                  </from>
                  <to>
                    <xdr:col>38</xdr:col>
                    <xdr:colOff>57150</xdr:colOff>
                    <xdr:row>50</xdr:row>
                    <xdr:rowOff>63500</xdr:rowOff>
                  </to>
                </anchor>
              </controlPr>
            </control>
          </mc:Choice>
        </mc:AlternateContent>
        <mc:AlternateContent xmlns:mc="http://schemas.openxmlformats.org/markup-compatibility/2006">
          <mc:Choice Requires="x14">
            <control shapeId="2090" r:id="rId44" name="Check Box 42">
              <controlPr defaultSize="0" autoFill="0" autoLine="0" autoPict="0">
                <anchor moveWithCells="1">
                  <from>
                    <xdr:col>39</xdr:col>
                    <xdr:colOff>44450</xdr:colOff>
                    <xdr:row>49</xdr:row>
                    <xdr:rowOff>44450</xdr:rowOff>
                  </from>
                  <to>
                    <xdr:col>42</xdr:col>
                    <xdr:colOff>57150</xdr:colOff>
                    <xdr:row>50</xdr:row>
                    <xdr:rowOff>63500</xdr:rowOff>
                  </to>
                </anchor>
              </controlPr>
            </control>
          </mc:Choice>
        </mc:AlternateContent>
        <mc:AlternateContent xmlns:mc="http://schemas.openxmlformats.org/markup-compatibility/2006">
          <mc:Choice Requires="x14">
            <control shapeId="2091" r:id="rId45" name="Check Box 43">
              <controlPr defaultSize="0" autoFill="0" autoLine="0" autoPict="0">
                <anchor moveWithCells="1">
                  <from>
                    <xdr:col>43</xdr:col>
                    <xdr:colOff>44450</xdr:colOff>
                    <xdr:row>49</xdr:row>
                    <xdr:rowOff>44450</xdr:rowOff>
                  </from>
                  <to>
                    <xdr:col>46</xdr:col>
                    <xdr:colOff>57150</xdr:colOff>
                    <xdr:row>50</xdr:row>
                    <xdr:rowOff>63500</xdr:rowOff>
                  </to>
                </anchor>
              </controlPr>
            </control>
          </mc:Choice>
        </mc:AlternateContent>
        <mc:AlternateContent xmlns:mc="http://schemas.openxmlformats.org/markup-compatibility/2006">
          <mc:Choice Requires="x14">
            <control shapeId="2092" r:id="rId46" name="Check Box 44">
              <controlPr defaultSize="0" autoFill="0" autoLine="0" autoPict="0">
                <anchor moveWithCells="1">
                  <from>
                    <xdr:col>31</xdr:col>
                    <xdr:colOff>44450</xdr:colOff>
                    <xdr:row>51</xdr:row>
                    <xdr:rowOff>44450</xdr:rowOff>
                  </from>
                  <to>
                    <xdr:col>36</xdr:col>
                    <xdr:colOff>69850</xdr:colOff>
                    <xdr:row>53</xdr:row>
                    <xdr:rowOff>63500</xdr:rowOff>
                  </to>
                </anchor>
              </controlPr>
            </control>
          </mc:Choice>
        </mc:AlternateContent>
        <mc:AlternateContent xmlns:mc="http://schemas.openxmlformats.org/markup-compatibility/2006">
          <mc:Choice Requires="x14">
            <control shapeId="2093" r:id="rId47" name="Check Box 45">
              <controlPr defaultSize="0" autoFill="0" autoLine="0" autoPict="0">
                <anchor moveWithCells="1">
                  <from>
                    <xdr:col>31</xdr:col>
                    <xdr:colOff>44450</xdr:colOff>
                    <xdr:row>54</xdr:row>
                    <xdr:rowOff>44450</xdr:rowOff>
                  </from>
                  <to>
                    <xdr:col>34</xdr:col>
                    <xdr:colOff>57150</xdr:colOff>
                    <xdr:row>55</xdr:row>
                    <xdr:rowOff>57150</xdr:rowOff>
                  </to>
                </anchor>
              </controlPr>
            </control>
          </mc:Choice>
        </mc:AlternateContent>
        <mc:AlternateContent xmlns:mc="http://schemas.openxmlformats.org/markup-compatibility/2006">
          <mc:Choice Requires="x14">
            <control shapeId="2094" r:id="rId48" name="Check Box 46">
              <controlPr defaultSize="0" autoFill="0" autoLine="0" autoPict="0">
                <anchor moveWithCells="1">
                  <from>
                    <xdr:col>35</xdr:col>
                    <xdr:colOff>44450</xdr:colOff>
                    <xdr:row>54</xdr:row>
                    <xdr:rowOff>44450</xdr:rowOff>
                  </from>
                  <to>
                    <xdr:col>38</xdr:col>
                    <xdr:colOff>57150</xdr:colOff>
                    <xdr:row>55</xdr:row>
                    <xdr:rowOff>57150</xdr:rowOff>
                  </to>
                </anchor>
              </controlPr>
            </control>
          </mc:Choice>
        </mc:AlternateContent>
        <mc:AlternateContent xmlns:mc="http://schemas.openxmlformats.org/markup-compatibility/2006">
          <mc:Choice Requires="x14">
            <control shapeId="2095" r:id="rId49" name="Check Box 47">
              <controlPr defaultSize="0" autoFill="0" autoLine="0" autoPict="0">
                <anchor moveWithCells="1">
                  <from>
                    <xdr:col>39</xdr:col>
                    <xdr:colOff>44450</xdr:colOff>
                    <xdr:row>54</xdr:row>
                    <xdr:rowOff>44450</xdr:rowOff>
                  </from>
                  <to>
                    <xdr:col>42</xdr:col>
                    <xdr:colOff>57150</xdr:colOff>
                    <xdr:row>55</xdr:row>
                    <xdr:rowOff>57150</xdr:rowOff>
                  </to>
                </anchor>
              </controlPr>
            </control>
          </mc:Choice>
        </mc:AlternateContent>
        <mc:AlternateContent xmlns:mc="http://schemas.openxmlformats.org/markup-compatibility/2006">
          <mc:Choice Requires="x14">
            <control shapeId="2096" r:id="rId50" name="Check Box 48">
              <controlPr defaultSize="0" autoFill="0" autoLine="0" autoPict="0">
                <anchor moveWithCells="1">
                  <from>
                    <xdr:col>43</xdr:col>
                    <xdr:colOff>44450</xdr:colOff>
                    <xdr:row>54</xdr:row>
                    <xdr:rowOff>44450</xdr:rowOff>
                  </from>
                  <to>
                    <xdr:col>46</xdr:col>
                    <xdr:colOff>57150</xdr:colOff>
                    <xdr:row>55</xdr:row>
                    <xdr:rowOff>57150</xdr:rowOff>
                  </to>
                </anchor>
              </controlPr>
            </control>
          </mc:Choice>
        </mc:AlternateContent>
        <mc:AlternateContent xmlns:mc="http://schemas.openxmlformats.org/markup-compatibility/2006">
          <mc:Choice Requires="x14">
            <control shapeId="2097" r:id="rId51" name="Check Box 49">
              <controlPr defaultSize="0" autoFill="0" autoLine="0" autoPict="0">
                <anchor moveWithCells="1">
                  <from>
                    <xdr:col>31</xdr:col>
                    <xdr:colOff>44450</xdr:colOff>
                    <xdr:row>56</xdr:row>
                    <xdr:rowOff>44450</xdr:rowOff>
                  </from>
                  <to>
                    <xdr:col>36</xdr:col>
                    <xdr:colOff>69850</xdr:colOff>
                    <xdr:row>58</xdr:row>
                    <xdr:rowOff>69850</xdr:rowOff>
                  </to>
                </anchor>
              </controlPr>
            </control>
          </mc:Choice>
        </mc:AlternateContent>
        <mc:AlternateContent xmlns:mc="http://schemas.openxmlformats.org/markup-compatibility/2006">
          <mc:Choice Requires="x14">
            <control shapeId="2098" r:id="rId52" name="Check Box 50">
              <controlPr defaultSize="0" autoFill="0" autoLine="0" autoPict="0">
                <anchor moveWithCells="1">
                  <from>
                    <xdr:col>31</xdr:col>
                    <xdr:colOff>44450</xdr:colOff>
                    <xdr:row>59</xdr:row>
                    <xdr:rowOff>44450</xdr:rowOff>
                  </from>
                  <to>
                    <xdr:col>34</xdr:col>
                    <xdr:colOff>57150</xdr:colOff>
                    <xdr:row>60</xdr:row>
                    <xdr:rowOff>88900</xdr:rowOff>
                  </to>
                </anchor>
              </controlPr>
            </control>
          </mc:Choice>
        </mc:AlternateContent>
        <mc:AlternateContent xmlns:mc="http://schemas.openxmlformats.org/markup-compatibility/2006">
          <mc:Choice Requires="x14">
            <control shapeId="2099" r:id="rId53" name="Check Box 51">
              <controlPr defaultSize="0" autoFill="0" autoLine="0" autoPict="0">
                <anchor moveWithCells="1">
                  <from>
                    <xdr:col>35</xdr:col>
                    <xdr:colOff>44450</xdr:colOff>
                    <xdr:row>59</xdr:row>
                    <xdr:rowOff>44450</xdr:rowOff>
                  </from>
                  <to>
                    <xdr:col>38</xdr:col>
                    <xdr:colOff>57150</xdr:colOff>
                    <xdr:row>60</xdr:row>
                    <xdr:rowOff>88900</xdr:rowOff>
                  </to>
                </anchor>
              </controlPr>
            </control>
          </mc:Choice>
        </mc:AlternateContent>
        <mc:AlternateContent xmlns:mc="http://schemas.openxmlformats.org/markup-compatibility/2006">
          <mc:Choice Requires="x14">
            <control shapeId="2100" r:id="rId54" name="Check Box 52">
              <controlPr defaultSize="0" autoFill="0" autoLine="0" autoPict="0">
                <anchor moveWithCells="1">
                  <from>
                    <xdr:col>39</xdr:col>
                    <xdr:colOff>44450</xdr:colOff>
                    <xdr:row>59</xdr:row>
                    <xdr:rowOff>44450</xdr:rowOff>
                  </from>
                  <to>
                    <xdr:col>42</xdr:col>
                    <xdr:colOff>57150</xdr:colOff>
                    <xdr:row>60</xdr:row>
                    <xdr:rowOff>88900</xdr:rowOff>
                  </to>
                </anchor>
              </controlPr>
            </control>
          </mc:Choice>
        </mc:AlternateContent>
        <mc:AlternateContent xmlns:mc="http://schemas.openxmlformats.org/markup-compatibility/2006">
          <mc:Choice Requires="x14">
            <control shapeId="2101" r:id="rId55" name="Check Box 53">
              <controlPr defaultSize="0" autoFill="0" autoLine="0" autoPict="0">
                <anchor moveWithCells="1">
                  <from>
                    <xdr:col>43</xdr:col>
                    <xdr:colOff>44450</xdr:colOff>
                    <xdr:row>59</xdr:row>
                    <xdr:rowOff>44450</xdr:rowOff>
                  </from>
                  <to>
                    <xdr:col>46</xdr:col>
                    <xdr:colOff>57150</xdr:colOff>
                    <xdr:row>60</xdr:row>
                    <xdr:rowOff>88900</xdr:rowOff>
                  </to>
                </anchor>
              </controlPr>
            </control>
          </mc:Choice>
        </mc:AlternateContent>
        <mc:AlternateContent xmlns:mc="http://schemas.openxmlformats.org/markup-compatibility/2006">
          <mc:Choice Requires="x14">
            <control shapeId="2102" r:id="rId56" name="Check Box 54">
              <controlPr defaultSize="0" autoFill="0" autoLine="0" autoPict="0">
                <anchor moveWithCells="1">
                  <from>
                    <xdr:col>31</xdr:col>
                    <xdr:colOff>44450</xdr:colOff>
                    <xdr:row>61</xdr:row>
                    <xdr:rowOff>44450</xdr:rowOff>
                  </from>
                  <to>
                    <xdr:col>36</xdr:col>
                    <xdr:colOff>69850</xdr:colOff>
                    <xdr:row>63</xdr:row>
                    <xdr:rowOff>63500</xdr:rowOff>
                  </to>
                </anchor>
              </controlPr>
            </control>
          </mc:Choice>
        </mc:AlternateContent>
        <mc:AlternateContent xmlns:mc="http://schemas.openxmlformats.org/markup-compatibility/2006">
          <mc:Choice Requires="x14">
            <control shapeId="2103" r:id="rId57" name="Check Box 55">
              <controlPr defaultSize="0" autoFill="0" autoLine="0" autoPict="0">
                <anchor moveWithCells="1">
                  <from>
                    <xdr:col>31</xdr:col>
                    <xdr:colOff>44450</xdr:colOff>
                    <xdr:row>64</xdr:row>
                    <xdr:rowOff>44450</xdr:rowOff>
                  </from>
                  <to>
                    <xdr:col>34</xdr:col>
                    <xdr:colOff>57150</xdr:colOff>
                    <xdr:row>66</xdr:row>
                    <xdr:rowOff>0</xdr:rowOff>
                  </to>
                </anchor>
              </controlPr>
            </control>
          </mc:Choice>
        </mc:AlternateContent>
        <mc:AlternateContent xmlns:mc="http://schemas.openxmlformats.org/markup-compatibility/2006">
          <mc:Choice Requires="x14">
            <control shapeId="2104" r:id="rId58" name="Check Box 56">
              <controlPr defaultSize="0" autoFill="0" autoLine="0" autoPict="0">
                <anchor moveWithCells="1">
                  <from>
                    <xdr:col>35</xdr:col>
                    <xdr:colOff>44450</xdr:colOff>
                    <xdr:row>64</xdr:row>
                    <xdr:rowOff>44450</xdr:rowOff>
                  </from>
                  <to>
                    <xdr:col>38</xdr:col>
                    <xdr:colOff>57150</xdr:colOff>
                    <xdr:row>65</xdr:row>
                    <xdr:rowOff>101600</xdr:rowOff>
                  </to>
                </anchor>
              </controlPr>
            </control>
          </mc:Choice>
        </mc:AlternateContent>
        <mc:AlternateContent xmlns:mc="http://schemas.openxmlformats.org/markup-compatibility/2006">
          <mc:Choice Requires="x14">
            <control shapeId="2105" r:id="rId59" name="Check Box 57">
              <controlPr defaultSize="0" autoFill="0" autoLine="0" autoPict="0">
                <anchor moveWithCells="1">
                  <from>
                    <xdr:col>39</xdr:col>
                    <xdr:colOff>44450</xdr:colOff>
                    <xdr:row>64</xdr:row>
                    <xdr:rowOff>44450</xdr:rowOff>
                  </from>
                  <to>
                    <xdr:col>42</xdr:col>
                    <xdr:colOff>57150</xdr:colOff>
                    <xdr:row>65</xdr:row>
                    <xdr:rowOff>101600</xdr:rowOff>
                  </to>
                </anchor>
              </controlPr>
            </control>
          </mc:Choice>
        </mc:AlternateContent>
        <mc:AlternateContent xmlns:mc="http://schemas.openxmlformats.org/markup-compatibility/2006">
          <mc:Choice Requires="x14">
            <control shapeId="2106" r:id="rId60" name="Check Box 58">
              <controlPr defaultSize="0" autoFill="0" autoLine="0" autoPict="0">
                <anchor moveWithCells="1">
                  <from>
                    <xdr:col>43</xdr:col>
                    <xdr:colOff>44450</xdr:colOff>
                    <xdr:row>64</xdr:row>
                    <xdr:rowOff>44450</xdr:rowOff>
                  </from>
                  <to>
                    <xdr:col>46</xdr:col>
                    <xdr:colOff>57150</xdr:colOff>
                    <xdr:row>65</xdr:row>
                    <xdr:rowOff>101600</xdr:rowOff>
                  </to>
                </anchor>
              </controlPr>
            </control>
          </mc:Choice>
        </mc:AlternateContent>
        <mc:AlternateContent xmlns:mc="http://schemas.openxmlformats.org/markup-compatibility/2006">
          <mc:Choice Requires="x14">
            <control shapeId="2107" r:id="rId61" name="Check Box 59">
              <controlPr defaultSize="0" autoFill="0" autoLine="0" autoPict="0">
                <anchor moveWithCells="1">
                  <from>
                    <xdr:col>31</xdr:col>
                    <xdr:colOff>44450</xdr:colOff>
                    <xdr:row>66</xdr:row>
                    <xdr:rowOff>44450</xdr:rowOff>
                  </from>
                  <to>
                    <xdr:col>36</xdr:col>
                    <xdr:colOff>69850</xdr:colOff>
                    <xdr:row>68</xdr:row>
                    <xdr:rowOff>63500</xdr:rowOff>
                  </to>
                </anchor>
              </controlPr>
            </control>
          </mc:Choice>
        </mc:AlternateContent>
        <mc:AlternateContent xmlns:mc="http://schemas.openxmlformats.org/markup-compatibility/2006">
          <mc:Choice Requires="x14">
            <control shapeId="2108" r:id="rId62" name="Check Box 60">
              <controlPr defaultSize="0" autoFill="0" autoLine="0" autoPict="0">
                <anchor moveWithCells="1">
                  <from>
                    <xdr:col>31</xdr:col>
                    <xdr:colOff>44450</xdr:colOff>
                    <xdr:row>69</xdr:row>
                    <xdr:rowOff>44450</xdr:rowOff>
                  </from>
                  <to>
                    <xdr:col>34</xdr:col>
                    <xdr:colOff>57150</xdr:colOff>
                    <xdr:row>71</xdr:row>
                    <xdr:rowOff>25400</xdr:rowOff>
                  </to>
                </anchor>
              </controlPr>
            </control>
          </mc:Choice>
        </mc:AlternateContent>
        <mc:AlternateContent xmlns:mc="http://schemas.openxmlformats.org/markup-compatibility/2006">
          <mc:Choice Requires="x14">
            <control shapeId="2109" r:id="rId63" name="Check Box 61">
              <controlPr defaultSize="0" autoFill="0" autoLine="0" autoPict="0">
                <anchor moveWithCells="1">
                  <from>
                    <xdr:col>35</xdr:col>
                    <xdr:colOff>44450</xdr:colOff>
                    <xdr:row>69</xdr:row>
                    <xdr:rowOff>44450</xdr:rowOff>
                  </from>
                  <to>
                    <xdr:col>38</xdr:col>
                    <xdr:colOff>57150</xdr:colOff>
                    <xdr:row>71</xdr:row>
                    <xdr:rowOff>25400</xdr:rowOff>
                  </to>
                </anchor>
              </controlPr>
            </control>
          </mc:Choice>
        </mc:AlternateContent>
        <mc:AlternateContent xmlns:mc="http://schemas.openxmlformats.org/markup-compatibility/2006">
          <mc:Choice Requires="x14">
            <control shapeId="2110" r:id="rId64" name="Check Box 62">
              <controlPr defaultSize="0" autoFill="0" autoLine="0" autoPict="0">
                <anchor moveWithCells="1">
                  <from>
                    <xdr:col>39</xdr:col>
                    <xdr:colOff>44450</xdr:colOff>
                    <xdr:row>69</xdr:row>
                    <xdr:rowOff>44450</xdr:rowOff>
                  </from>
                  <to>
                    <xdr:col>42</xdr:col>
                    <xdr:colOff>57150</xdr:colOff>
                    <xdr:row>71</xdr:row>
                    <xdr:rowOff>25400</xdr:rowOff>
                  </to>
                </anchor>
              </controlPr>
            </control>
          </mc:Choice>
        </mc:AlternateContent>
        <mc:AlternateContent xmlns:mc="http://schemas.openxmlformats.org/markup-compatibility/2006">
          <mc:Choice Requires="x14">
            <control shapeId="2111" r:id="rId65" name="Check Box 63">
              <controlPr defaultSize="0" autoFill="0" autoLine="0" autoPict="0">
                <anchor moveWithCells="1">
                  <from>
                    <xdr:col>43</xdr:col>
                    <xdr:colOff>44450</xdr:colOff>
                    <xdr:row>69</xdr:row>
                    <xdr:rowOff>44450</xdr:rowOff>
                  </from>
                  <to>
                    <xdr:col>46</xdr:col>
                    <xdr:colOff>57150</xdr:colOff>
                    <xdr:row>71</xdr:row>
                    <xdr:rowOff>25400</xdr:rowOff>
                  </to>
                </anchor>
              </controlPr>
            </control>
          </mc:Choice>
        </mc:AlternateContent>
        <mc:AlternateContent xmlns:mc="http://schemas.openxmlformats.org/markup-compatibility/2006">
          <mc:Choice Requires="x14">
            <control shapeId="2112" r:id="rId66" name="Check Box 64">
              <controlPr defaultSize="0" autoFill="0" autoLine="0" autoPict="0">
                <anchor moveWithCells="1">
                  <from>
                    <xdr:col>31</xdr:col>
                    <xdr:colOff>44450</xdr:colOff>
                    <xdr:row>71</xdr:row>
                    <xdr:rowOff>44450</xdr:rowOff>
                  </from>
                  <to>
                    <xdr:col>36</xdr:col>
                    <xdr:colOff>69850</xdr:colOff>
                    <xdr:row>73</xdr:row>
                    <xdr:rowOff>63500</xdr:rowOff>
                  </to>
                </anchor>
              </controlPr>
            </control>
          </mc:Choice>
        </mc:AlternateContent>
        <mc:AlternateContent xmlns:mc="http://schemas.openxmlformats.org/markup-compatibility/2006">
          <mc:Choice Requires="x14">
            <control shapeId="2113" r:id="rId67" name="Check Box 65">
              <controlPr defaultSize="0" autoFill="0" autoLine="0" autoPict="0">
                <anchor moveWithCells="1">
                  <from>
                    <xdr:col>31</xdr:col>
                    <xdr:colOff>44450</xdr:colOff>
                    <xdr:row>74</xdr:row>
                    <xdr:rowOff>44450</xdr:rowOff>
                  </from>
                  <to>
                    <xdr:col>34</xdr:col>
                    <xdr:colOff>57150</xdr:colOff>
                    <xdr:row>76</xdr:row>
                    <xdr:rowOff>25400</xdr:rowOff>
                  </to>
                </anchor>
              </controlPr>
            </control>
          </mc:Choice>
        </mc:AlternateContent>
        <mc:AlternateContent xmlns:mc="http://schemas.openxmlformats.org/markup-compatibility/2006">
          <mc:Choice Requires="x14">
            <control shapeId="2114" r:id="rId68" name="Check Box 66">
              <controlPr defaultSize="0" autoFill="0" autoLine="0" autoPict="0">
                <anchor moveWithCells="1">
                  <from>
                    <xdr:col>35</xdr:col>
                    <xdr:colOff>44450</xdr:colOff>
                    <xdr:row>74</xdr:row>
                    <xdr:rowOff>44450</xdr:rowOff>
                  </from>
                  <to>
                    <xdr:col>38</xdr:col>
                    <xdr:colOff>57150</xdr:colOff>
                    <xdr:row>76</xdr:row>
                    <xdr:rowOff>25400</xdr:rowOff>
                  </to>
                </anchor>
              </controlPr>
            </control>
          </mc:Choice>
        </mc:AlternateContent>
        <mc:AlternateContent xmlns:mc="http://schemas.openxmlformats.org/markup-compatibility/2006">
          <mc:Choice Requires="x14">
            <control shapeId="2115" r:id="rId69" name="Check Box 67">
              <controlPr defaultSize="0" autoFill="0" autoLine="0" autoPict="0">
                <anchor moveWithCells="1">
                  <from>
                    <xdr:col>39</xdr:col>
                    <xdr:colOff>44450</xdr:colOff>
                    <xdr:row>74</xdr:row>
                    <xdr:rowOff>44450</xdr:rowOff>
                  </from>
                  <to>
                    <xdr:col>42</xdr:col>
                    <xdr:colOff>57150</xdr:colOff>
                    <xdr:row>76</xdr:row>
                    <xdr:rowOff>25400</xdr:rowOff>
                  </to>
                </anchor>
              </controlPr>
            </control>
          </mc:Choice>
        </mc:AlternateContent>
        <mc:AlternateContent xmlns:mc="http://schemas.openxmlformats.org/markup-compatibility/2006">
          <mc:Choice Requires="x14">
            <control shapeId="2116" r:id="rId70" name="Check Box 68">
              <controlPr defaultSize="0" autoFill="0" autoLine="0" autoPict="0">
                <anchor moveWithCells="1">
                  <from>
                    <xdr:col>43</xdr:col>
                    <xdr:colOff>44450</xdr:colOff>
                    <xdr:row>74</xdr:row>
                    <xdr:rowOff>44450</xdr:rowOff>
                  </from>
                  <to>
                    <xdr:col>46</xdr:col>
                    <xdr:colOff>57150</xdr:colOff>
                    <xdr:row>76</xdr:row>
                    <xdr:rowOff>25400</xdr:rowOff>
                  </to>
                </anchor>
              </controlPr>
            </control>
          </mc:Choice>
        </mc:AlternateContent>
        <mc:AlternateContent xmlns:mc="http://schemas.openxmlformats.org/markup-compatibility/2006">
          <mc:Choice Requires="x14">
            <control shapeId="2117" r:id="rId71" name="Check Box 69">
              <controlPr defaultSize="0" autoFill="0" autoLine="0" autoPict="0">
                <anchor moveWithCells="1">
                  <from>
                    <xdr:col>31</xdr:col>
                    <xdr:colOff>44450</xdr:colOff>
                    <xdr:row>76</xdr:row>
                    <xdr:rowOff>44450</xdr:rowOff>
                  </from>
                  <to>
                    <xdr:col>36</xdr:col>
                    <xdr:colOff>69850</xdr:colOff>
                    <xdr:row>78</xdr:row>
                    <xdr:rowOff>63500</xdr:rowOff>
                  </to>
                </anchor>
              </controlPr>
            </control>
          </mc:Choice>
        </mc:AlternateContent>
        <mc:AlternateContent xmlns:mc="http://schemas.openxmlformats.org/markup-compatibility/2006">
          <mc:Choice Requires="x14">
            <control shapeId="2118" r:id="rId72" name="Check Box 70">
              <controlPr defaultSize="0" autoFill="0" autoLine="0" autoPict="0">
                <anchor moveWithCells="1">
                  <from>
                    <xdr:col>31</xdr:col>
                    <xdr:colOff>44450</xdr:colOff>
                    <xdr:row>79</xdr:row>
                    <xdr:rowOff>44450</xdr:rowOff>
                  </from>
                  <to>
                    <xdr:col>34</xdr:col>
                    <xdr:colOff>57150</xdr:colOff>
                    <xdr:row>81</xdr:row>
                    <xdr:rowOff>25400</xdr:rowOff>
                  </to>
                </anchor>
              </controlPr>
            </control>
          </mc:Choice>
        </mc:AlternateContent>
        <mc:AlternateContent xmlns:mc="http://schemas.openxmlformats.org/markup-compatibility/2006">
          <mc:Choice Requires="x14">
            <control shapeId="2119" r:id="rId73" name="Check Box 71">
              <controlPr defaultSize="0" autoFill="0" autoLine="0" autoPict="0">
                <anchor moveWithCells="1">
                  <from>
                    <xdr:col>35</xdr:col>
                    <xdr:colOff>44450</xdr:colOff>
                    <xdr:row>79</xdr:row>
                    <xdr:rowOff>44450</xdr:rowOff>
                  </from>
                  <to>
                    <xdr:col>38</xdr:col>
                    <xdr:colOff>57150</xdr:colOff>
                    <xdr:row>81</xdr:row>
                    <xdr:rowOff>25400</xdr:rowOff>
                  </to>
                </anchor>
              </controlPr>
            </control>
          </mc:Choice>
        </mc:AlternateContent>
        <mc:AlternateContent xmlns:mc="http://schemas.openxmlformats.org/markup-compatibility/2006">
          <mc:Choice Requires="x14">
            <control shapeId="2120" r:id="rId74" name="Check Box 72">
              <controlPr defaultSize="0" autoFill="0" autoLine="0" autoPict="0">
                <anchor moveWithCells="1">
                  <from>
                    <xdr:col>39</xdr:col>
                    <xdr:colOff>44450</xdr:colOff>
                    <xdr:row>79</xdr:row>
                    <xdr:rowOff>44450</xdr:rowOff>
                  </from>
                  <to>
                    <xdr:col>42</xdr:col>
                    <xdr:colOff>57150</xdr:colOff>
                    <xdr:row>81</xdr:row>
                    <xdr:rowOff>25400</xdr:rowOff>
                  </to>
                </anchor>
              </controlPr>
            </control>
          </mc:Choice>
        </mc:AlternateContent>
        <mc:AlternateContent xmlns:mc="http://schemas.openxmlformats.org/markup-compatibility/2006">
          <mc:Choice Requires="x14">
            <control shapeId="2121" r:id="rId75" name="Check Box 73">
              <controlPr defaultSize="0" autoFill="0" autoLine="0" autoPict="0">
                <anchor moveWithCells="1">
                  <from>
                    <xdr:col>43</xdr:col>
                    <xdr:colOff>44450</xdr:colOff>
                    <xdr:row>79</xdr:row>
                    <xdr:rowOff>44450</xdr:rowOff>
                  </from>
                  <to>
                    <xdr:col>46</xdr:col>
                    <xdr:colOff>57150</xdr:colOff>
                    <xdr:row>81</xdr:row>
                    <xdr:rowOff>25400</xdr:rowOff>
                  </to>
                </anchor>
              </controlPr>
            </control>
          </mc:Choice>
        </mc:AlternateContent>
        <mc:AlternateContent xmlns:mc="http://schemas.openxmlformats.org/markup-compatibility/2006">
          <mc:Choice Requires="x14">
            <control shapeId="2122" r:id="rId76" name="Check Box 74">
              <controlPr defaultSize="0" autoFill="0" autoLine="0" autoPict="0">
                <anchor moveWithCells="1">
                  <from>
                    <xdr:col>31</xdr:col>
                    <xdr:colOff>44450</xdr:colOff>
                    <xdr:row>81</xdr:row>
                    <xdr:rowOff>44450</xdr:rowOff>
                  </from>
                  <to>
                    <xdr:col>36</xdr:col>
                    <xdr:colOff>69850</xdr:colOff>
                    <xdr:row>83</xdr:row>
                    <xdr:rowOff>63500</xdr:rowOff>
                  </to>
                </anchor>
              </controlPr>
            </control>
          </mc:Choice>
        </mc:AlternateContent>
        <mc:AlternateContent xmlns:mc="http://schemas.openxmlformats.org/markup-compatibility/2006">
          <mc:Choice Requires="x14">
            <control shapeId="2123" r:id="rId77" name="Check Box 75">
              <controlPr defaultSize="0" autoFill="0" autoLine="0" autoPict="0">
                <anchor moveWithCells="1">
                  <from>
                    <xdr:col>31</xdr:col>
                    <xdr:colOff>44450</xdr:colOff>
                    <xdr:row>84</xdr:row>
                    <xdr:rowOff>44450</xdr:rowOff>
                  </from>
                  <to>
                    <xdr:col>34</xdr:col>
                    <xdr:colOff>57150</xdr:colOff>
                    <xdr:row>86</xdr:row>
                    <xdr:rowOff>25400</xdr:rowOff>
                  </to>
                </anchor>
              </controlPr>
            </control>
          </mc:Choice>
        </mc:AlternateContent>
        <mc:AlternateContent xmlns:mc="http://schemas.openxmlformats.org/markup-compatibility/2006">
          <mc:Choice Requires="x14">
            <control shapeId="2124" r:id="rId78" name="Check Box 76">
              <controlPr defaultSize="0" autoFill="0" autoLine="0" autoPict="0">
                <anchor moveWithCells="1">
                  <from>
                    <xdr:col>35</xdr:col>
                    <xdr:colOff>44450</xdr:colOff>
                    <xdr:row>84</xdr:row>
                    <xdr:rowOff>44450</xdr:rowOff>
                  </from>
                  <to>
                    <xdr:col>38</xdr:col>
                    <xdr:colOff>57150</xdr:colOff>
                    <xdr:row>86</xdr:row>
                    <xdr:rowOff>25400</xdr:rowOff>
                  </to>
                </anchor>
              </controlPr>
            </control>
          </mc:Choice>
        </mc:AlternateContent>
        <mc:AlternateContent xmlns:mc="http://schemas.openxmlformats.org/markup-compatibility/2006">
          <mc:Choice Requires="x14">
            <control shapeId="2125" r:id="rId79" name="Check Box 77">
              <controlPr defaultSize="0" autoFill="0" autoLine="0" autoPict="0">
                <anchor moveWithCells="1">
                  <from>
                    <xdr:col>39</xdr:col>
                    <xdr:colOff>44450</xdr:colOff>
                    <xdr:row>84</xdr:row>
                    <xdr:rowOff>44450</xdr:rowOff>
                  </from>
                  <to>
                    <xdr:col>42</xdr:col>
                    <xdr:colOff>57150</xdr:colOff>
                    <xdr:row>86</xdr:row>
                    <xdr:rowOff>25400</xdr:rowOff>
                  </to>
                </anchor>
              </controlPr>
            </control>
          </mc:Choice>
        </mc:AlternateContent>
        <mc:AlternateContent xmlns:mc="http://schemas.openxmlformats.org/markup-compatibility/2006">
          <mc:Choice Requires="x14">
            <control shapeId="2126" r:id="rId80" name="Check Box 78">
              <controlPr defaultSize="0" autoFill="0" autoLine="0" autoPict="0">
                <anchor moveWithCells="1">
                  <from>
                    <xdr:col>43</xdr:col>
                    <xdr:colOff>44450</xdr:colOff>
                    <xdr:row>84</xdr:row>
                    <xdr:rowOff>44450</xdr:rowOff>
                  </from>
                  <to>
                    <xdr:col>46</xdr:col>
                    <xdr:colOff>57150</xdr:colOff>
                    <xdr:row>86</xdr:row>
                    <xdr:rowOff>25400</xdr:rowOff>
                  </to>
                </anchor>
              </controlPr>
            </control>
          </mc:Choice>
        </mc:AlternateContent>
        <mc:AlternateContent xmlns:mc="http://schemas.openxmlformats.org/markup-compatibility/2006">
          <mc:Choice Requires="x14">
            <control shapeId="2127" r:id="rId81" name="Check Box 79">
              <controlPr defaultSize="0" autoFill="0" autoLine="0" autoPict="0">
                <anchor moveWithCells="1">
                  <from>
                    <xdr:col>31</xdr:col>
                    <xdr:colOff>44450</xdr:colOff>
                    <xdr:row>86</xdr:row>
                    <xdr:rowOff>44450</xdr:rowOff>
                  </from>
                  <to>
                    <xdr:col>36</xdr:col>
                    <xdr:colOff>69850</xdr:colOff>
                    <xdr:row>88</xdr:row>
                    <xdr:rowOff>63500</xdr:rowOff>
                  </to>
                </anchor>
              </controlPr>
            </control>
          </mc:Choice>
        </mc:AlternateContent>
        <mc:AlternateContent xmlns:mc="http://schemas.openxmlformats.org/markup-compatibility/2006">
          <mc:Choice Requires="x14">
            <control shapeId="2128" r:id="rId82" name="Check Box 80">
              <controlPr defaultSize="0" autoFill="0" autoLine="0" autoPict="0">
                <anchor moveWithCells="1">
                  <from>
                    <xdr:col>65</xdr:col>
                    <xdr:colOff>82550</xdr:colOff>
                    <xdr:row>44</xdr:row>
                    <xdr:rowOff>158750</xdr:rowOff>
                  </from>
                  <to>
                    <xdr:col>68</xdr:col>
                    <xdr:colOff>95250</xdr:colOff>
                    <xdr:row>45</xdr:row>
                    <xdr:rowOff>88900</xdr:rowOff>
                  </to>
                </anchor>
              </controlPr>
            </control>
          </mc:Choice>
        </mc:AlternateContent>
        <mc:AlternateContent xmlns:mc="http://schemas.openxmlformats.org/markup-compatibility/2006">
          <mc:Choice Requires="x14">
            <control shapeId="2129" r:id="rId83" name="Check Box 81">
              <controlPr defaultSize="0" autoFill="0" autoLine="0" autoPict="0">
                <anchor moveWithCells="1">
                  <from>
                    <xdr:col>65</xdr:col>
                    <xdr:colOff>76200</xdr:colOff>
                    <xdr:row>45</xdr:row>
                    <xdr:rowOff>95250</xdr:rowOff>
                  </from>
                  <to>
                    <xdr:col>68</xdr:col>
                    <xdr:colOff>88900</xdr:colOff>
                    <xdr:row>48</xdr:row>
                    <xdr:rowOff>0</xdr:rowOff>
                  </to>
                </anchor>
              </controlPr>
            </control>
          </mc:Choice>
        </mc:AlternateContent>
        <mc:AlternateContent xmlns:mc="http://schemas.openxmlformats.org/markup-compatibility/2006">
          <mc:Choice Requires="x14">
            <control shapeId="2130" r:id="rId84" name="Check Box 82">
              <controlPr defaultSize="0" autoFill="0" autoLine="0" autoPict="0">
                <anchor moveWithCells="1">
                  <from>
                    <xdr:col>65</xdr:col>
                    <xdr:colOff>82550</xdr:colOff>
                    <xdr:row>49</xdr:row>
                    <xdr:rowOff>158750</xdr:rowOff>
                  </from>
                  <to>
                    <xdr:col>68</xdr:col>
                    <xdr:colOff>95250</xdr:colOff>
                    <xdr:row>50</xdr:row>
                    <xdr:rowOff>82550</xdr:rowOff>
                  </to>
                </anchor>
              </controlPr>
            </control>
          </mc:Choice>
        </mc:AlternateContent>
        <mc:AlternateContent xmlns:mc="http://schemas.openxmlformats.org/markup-compatibility/2006">
          <mc:Choice Requires="x14">
            <control shapeId="2131" r:id="rId85" name="Check Box 83">
              <controlPr defaultSize="0" autoFill="0" autoLine="0" autoPict="0">
                <anchor moveWithCells="1">
                  <from>
                    <xdr:col>65</xdr:col>
                    <xdr:colOff>76200</xdr:colOff>
                    <xdr:row>50</xdr:row>
                    <xdr:rowOff>63500</xdr:rowOff>
                  </from>
                  <to>
                    <xdr:col>68</xdr:col>
                    <xdr:colOff>88900</xdr:colOff>
                    <xdr:row>52</xdr:row>
                    <xdr:rowOff>69850</xdr:rowOff>
                  </to>
                </anchor>
              </controlPr>
            </control>
          </mc:Choice>
        </mc:AlternateContent>
        <mc:AlternateContent xmlns:mc="http://schemas.openxmlformats.org/markup-compatibility/2006">
          <mc:Choice Requires="x14">
            <control shapeId="2132" r:id="rId86" name="Check Box 84">
              <controlPr defaultSize="0" autoFill="0" autoLine="0" autoPict="0">
                <anchor moveWithCells="1">
                  <from>
                    <xdr:col>65</xdr:col>
                    <xdr:colOff>82550</xdr:colOff>
                    <xdr:row>54</xdr:row>
                    <xdr:rowOff>171450</xdr:rowOff>
                  </from>
                  <to>
                    <xdr:col>68</xdr:col>
                    <xdr:colOff>95250</xdr:colOff>
                    <xdr:row>55</xdr:row>
                    <xdr:rowOff>88900</xdr:rowOff>
                  </to>
                </anchor>
              </controlPr>
            </control>
          </mc:Choice>
        </mc:AlternateContent>
        <mc:AlternateContent xmlns:mc="http://schemas.openxmlformats.org/markup-compatibility/2006">
          <mc:Choice Requires="x14">
            <control shapeId="2133" r:id="rId87" name="Check Box 85">
              <controlPr defaultSize="0" autoFill="0" autoLine="0" autoPict="0">
                <anchor moveWithCells="1">
                  <from>
                    <xdr:col>65</xdr:col>
                    <xdr:colOff>95250</xdr:colOff>
                    <xdr:row>55</xdr:row>
                    <xdr:rowOff>69850</xdr:rowOff>
                  </from>
                  <to>
                    <xdr:col>68</xdr:col>
                    <xdr:colOff>107950</xdr:colOff>
                    <xdr:row>57</xdr:row>
                    <xdr:rowOff>82550</xdr:rowOff>
                  </to>
                </anchor>
              </controlPr>
            </control>
          </mc:Choice>
        </mc:AlternateContent>
        <mc:AlternateContent xmlns:mc="http://schemas.openxmlformats.org/markup-compatibility/2006">
          <mc:Choice Requires="x14">
            <control shapeId="2134" r:id="rId88" name="Check Box 86">
              <controlPr defaultSize="0" autoFill="0" autoLine="0" autoPict="0">
                <anchor moveWithCells="1">
                  <from>
                    <xdr:col>65</xdr:col>
                    <xdr:colOff>82550</xdr:colOff>
                    <xdr:row>59</xdr:row>
                    <xdr:rowOff>133350</xdr:rowOff>
                  </from>
                  <to>
                    <xdr:col>68</xdr:col>
                    <xdr:colOff>95250</xdr:colOff>
                    <xdr:row>60</xdr:row>
                    <xdr:rowOff>82550</xdr:rowOff>
                  </to>
                </anchor>
              </controlPr>
            </control>
          </mc:Choice>
        </mc:AlternateContent>
        <mc:AlternateContent xmlns:mc="http://schemas.openxmlformats.org/markup-compatibility/2006">
          <mc:Choice Requires="x14">
            <control shapeId="2135" r:id="rId89" name="Check Box 87">
              <controlPr defaultSize="0" autoFill="0" autoLine="0" autoPict="0">
                <anchor moveWithCells="1">
                  <from>
                    <xdr:col>65</xdr:col>
                    <xdr:colOff>76200</xdr:colOff>
                    <xdr:row>60</xdr:row>
                    <xdr:rowOff>63500</xdr:rowOff>
                  </from>
                  <to>
                    <xdr:col>68</xdr:col>
                    <xdr:colOff>88900</xdr:colOff>
                    <xdr:row>62</xdr:row>
                    <xdr:rowOff>69850</xdr:rowOff>
                  </to>
                </anchor>
              </controlPr>
            </control>
          </mc:Choice>
        </mc:AlternateContent>
        <mc:AlternateContent xmlns:mc="http://schemas.openxmlformats.org/markup-compatibility/2006">
          <mc:Choice Requires="x14">
            <control shapeId="2136" r:id="rId90" name="Check Box 88">
              <controlPr defaultSize="0" autoFill="0" autoLine="0" autoPict="0">
                <anchor moveWithCells="1">
                  <from>
                    <xdr:col>65</xdr:col>
                    <xdr:colOff>95250</xdr:colOff>
                    <xdr:row>64</xdr:row>
                    <xdr:rowOff>133350</xdr:rowOff>
                  </from>
                  <to>
                    <xdr:col>68</xdr:col>
                    <xdr:colOff>107950</xdr:colOff>
                    <xdr:row>65</xdr:row>
                    <xdr:rowOff>95250</xdr:rowOff>
                  </to>
                </anchor>
              </controlPr>
            </control>
          </mc:Choice>
        </mc:AlternateContent>
        <mc:AlternateContent xmlns:mc="http://schemas.openxmlformats.org/markup-compatibility/2006">
          <mc:Choice Requires="x14">
            <control shapeId="2137" r:id="rId91" name="Check Box 89">
              <controlPr defaultSize="0" autoFill="0" autoLine="0" autoPict="0">
                <anchor moveWithCells="1">
                  <from>
                    <xdr:col>65</xdr:col>
                    <xdr:colOff>76200</xdr:colOff>
                    <xdr:row>65</xdr:row>
                    <xdr:rowOff>76200</xdr:rowOff>
                  </from>
                  <to>
                    <xdr:col>68</xdr:col>
                    <xdr:colOff>88900</xdr:colOff>
                    <xdr:row>67</xdr:row>
                    <xdr:rowOff>88900</xdr:rowOff>
                  </to>
                </anchor>
              </controlPr>
            </control>
          </mc:Choice>
        </mc:AlternateContent>
        <mc:AlternateContent xmlns:mc="http://schemas.openxmlformats.org/markup-compatibility/2006">
          <mc:Choice Requires="x14">
            <control shapeId="2138" r:id="rId92" name="Check Box 90">
              <controlPr defaultSize="0" autoFill="0" autoLine="0" autoPict="0">
                <anchor moveWithCells="1">
                  <from>
                    <xdr:col>65</xdr:col>
                    <xdr:colOff>95250</xdr:colOff>
                    <xdr:row>69</xdr:row>
                    <xdr:rowOff>133350</xdr:rowOff>
                  </from>
                  <to>
                    <xdr:col>68</xdr:col>
                    <xdr:colOff>107950</xdr:colOff>
                    <xdr:row>71</xdr:row>
                    <xdr:rowOff>19050</xdr:rowOff>
                  </to>
                </anchor>
              </controlPr>
            </control>
          </mc:Choice>
        </mc:AlternateContent>
        <mc:AlternateContent xmlns:mc="http://schemas.openxmlformats.org/markup-compatibility/2006">
          <mc:Choice Requires="x14">
            <control shapeId="2139" r:id="rId93" name="Check Box 91">
              <controlPr defaultSize="0" autoFill="0" autoLine="0" autoPict="0">
                <anchor moveWithCells="1">
                  <from>
                    <xdr:col>65</xdr:col>
                    <xdr:colOff>82550</xdr:colOff>
                    <xdr:row>71</xdr:row>
                    <xdr:rowOff>6350</xdr:rowOff>
                  </from>
                  <to>
                    <xdr:col>68</xdr:col>
                    <xdr:colOff>95250</xdr:colOff>
                    <xdr:row>73</xdr:row>
                    <xdr:rowOff>19050</xdr:rowOff>
                  </to>
                </anchor>
              </controlPr>
            </control>
          </mc:Choice>
        </mc:AlternateContent>
        <mc:AlternateContent xmlns:mc="http://schemas.openxmlformats.org/markup-compatibility/2006">
          <mc:Choice Requires="x14">
            <control shapeId="2140" r:id="rId94" name="Check Box 92">
              <controlPr defaultSize="0" autoFill="0" autoLine="0" autoPict="0">
                <anchor moveWithCells="1">
                  <from>
                    <xdr:col>65</xdr:col>
                    <xdr:colOff>95250</xdr:colOff>
                    <xdr:row>74</xdr:row>
                    <xdr:rowOff>133350</xdr:rowOff>
                  </from>
                  <to>
                    <xdr:col>68</xdr:col>
                    <xdr:colOff>107950</xdr:colOff>
                    <xdr:row>76</xdr:row>
                    <xdr:rowOff>19050</xdr:rowOff>
                  </to>
                </anchor>
              </controlPr>
            </control>
          </mc:Choice>
        </mc:AlternateContent>
        <mc:AlternateContent xmlns:mc="http://schemas.openxmlformats.org/markup-compatibility/2006">
          <mc:Choice Requires="x14">
            <control shapeId="2141" r:id="rId95" name="Check Box 93">
              <controlPr defaultSize="0" autoFill="0" autoLine="0" autoPict="0">
                <anchor moveWithCells="1">
                  <from>
                    <xdr:col>65</xdr:col>
                    <xdr:colOff>82550</xdr:colOff>
                    <xdr:row>76</xdr:row>
                    <xdr:rowOff>6350</xdr:rowOff>
                  </from>
                  <to>
                    <xdr:col>68</xdr:col>
                    <xdr:colOff>95250</xdr:colOff>
                    <xdr:row>78</xdr:row>
                    <xdr:rowOff>19050</xdr:rowOff>
                  </to>
                </anchor>
              </controlPr>
            </control>
          </mc:Choice>
        </mc:AlternateContent>
        <mc:AlternateContent xmlns:mc="http://schemas.openxmlformats.org/markup-compatibility/2006">
          <mc:Choice Requires="x14">
            <control shapeId="2142" r:id="rId96" name="Check Box 94">
              <controlPr defaultSize="0" autoFill="0" autoLine="0" autoPict="0">
                <anchor moveWithCells="1">
                  <from>
                    <xdr:col>65</xdr:col>
                    <xdr:colOff>95250</xdr:colOff>
                    <xdr:row>79</xdr:row>
                    <xdr:rowOff>133350</xdr:rowOff>
                  </from>
                  <to>
                    <xdr:col>68</xdr:col>
                    <xdr:colOff>107950</xdr:colOff>
                    <xdr:row>81</xdr:row>
                    <xdr:rowOff>19050</xdr:rowOff>
                  </to>
                </anchor>
              </controlPr>
            </control>
          </mc:Choice>
        </mc:AlternateContent>
        <mc:AlternateContent xmlns:mc="http://schemas.openxmlformats.org/markup-compatibility/2006">
          <mc:Choice Requires="x14">
            <control shapeId="2143" r:id="rId97" name="Check Box 95">
              <controlPr defaultSize="0" autoFill="0" autoLine="0" autoPict="0">
                <anchor moveWithCells="1">
                  <from>
                    <xdr:col>65</xdr:col>
                    <xdr:colOff>82550</xdr:colOff>
                    <xdr:row>81</xdr:row>
                    <xdr:rowOff>6350</xdr:rowOff>
                  </from>
                  <to>
                    <xdr:col>68</xdr:col>
                    <xdr:colOff>95250</xdr:colOff>
                    <xdr:row>83</xdr:row>
                    <xdr:rowOff>19050</xdr:rowOff>
                  </to>
                </anchor>
              </controlPr>
            </control>
          </mc:Choice>
        </mc:AlternateContent>
        <mc:AlternateContent xmlns:mc="http://schemas.openxmlformats.org/markup-compatibility/2006">
          <mc:Choice Requires="x14">
            <control shapeId="2144" r:id="rId98" name="Check Box 96">
              <controlPr defaultSize="0" autoFill="0" autoLine="0" autoPict="0">
                <anchor moveWithCells="1">
                  <from>
                    <xdr:col>65</xdr:col>
                    <xdr:colOff>95250</xdr:colOff>
                    <xdr:row>84</xdr:row>
                    <xdr:rowOff>133350</xdr:rowOff>
                  </from>
                  <to>
                    <xdr:col>68</xdr:col>
                    <xdr:colOff>107950</xdr:colOff>
                    <xdr:row>86</xdr:row>
                    <xdr:rowOff>19050</xdr:rowOff>
                  </to>
                </anchor>
              </controlPr>
            </control>
          </mc:Choice>
        </mc:AlternateContent>
        <mc:AlternateContent xmlns:mc="http://schemas.openxmlformats.org/markup-compatibility/2006">
          <mc:Choice Requires="x14">
            <control shapeId="2145" r:id="rId99" name="Check Box 97">
              <controlPr defaultSize="0" autoFill="0" autoLine="0" autoPict="0">
                <anchor moveWithCells="1">
                  <from>
                    <xdr:col>65</xdr:col>
                    <xdr:colOff>82550</xdr:colOff>
                    <xdr:row>86</xdr:row>
                    <xdr:rowOff>6350</xdr:rowOff>
                  </from>
                  <to>
                    <xdr:col>68</xdr:col>
                    <xdr:colOff>95250</xdr:colOff>
                    <xdr:row>88</xdr:row>
                    <xdr:rowOff>19050</xdr:rowOff>
                  </to>
                </anchor>
              </controlPr>
            </control>
          </mc:Choice>
        </mc:AlternateContent>
        <mc:AlternateContent xmlns:mc="http://schemas.openxmlformats.org/markup-compatibility/2006">
          <mc:Choice Requires="x14">
            <control shapeId="2146" r:id="rId100" name="Check Box 98">
              <controlPr defaultSize="0" autoFill="0" autoLine="0" autoPict="0">
                <anchor moveWithCells="1">
                  <from>
                    <xdr:col>91</xdr:col>
                    <xdr:colOff>6350</xdr:colOff>
                    <xdr:row>44</xdr:row>
                    <xdr:rowOff>127000</xdr:rowOff>
                  </from>
                  <to>
                    <xdr:col>94</xdr:col>
                    <xdr:colOff>19050</xdr:colOff>
                    <xdr:row>46</xdr:row>
                    <xdr:rowOff>19050</xdr:rowOff>
                  </to>
                </anchor>
              </controlPr>
            </control>
          </mc:Choice>
        </mc:AlternateContent>
        <mc:AlternateContent xmlns:mc="http://schemas.openxmlformats.org/markup-compatibility/2006">
          <mc:Choice Requires="x14">
            <control shapeId="2147" r:id="rId101" name="Check Box 99">
              <controlPr defaultSize="0" autoFill="0" autoLine="0" autoPict="0">
                <anchor moveWithCells="1">
                  <from>
                    <xdr:col>91</xdr:col>
                    <xdr:colOff>6350</xdr:colOff>
                    <xdr:row>45</xdr:row>
                    <xdr:rowOff>82550</xdr:rowOff>
                  </from>
                  <to>
                    <xdr:col>94</xdr:col>
                    <xdr:colOff>19050</xdr:colOff>
                    <xdr:row>47</xdr:row>
                    <xdr:rowOff>88900</xdr:rowOff>
                  </to>
                </anchor>
              </controlPr>
            </control>
          </mc:Choice>
        </mc:AlternateContent>
        <mc:AlternateContent xmlns:mc="http://schemas.openxmlformats.org/markup-compatibility/2006">
          <mc:Choice Requires="x14">
            <control shapeId="2148" r:id="rId102" name="Check Box 100">
              <controlPr defaultSize="0" autoFill="0" autoLine="0" autoPict="0">
                <anchor moveWithCells="1">
                  <from>
                    <xdr:col>91</xdr:col>
                    <xdr:colOff>6350</xdr:colOff>
                    <xdr:row>49</xdr:row>
                    <xdr:rowOff>127000</xdr:rowOff>
                  </from>
                  <to>
                    <xdr:col>94</xdr:col>
                    <xdr:colOff>19050</xdr:colOff>
                    <xdr:row>51</xdr:row>
                    <xdr:rowOff>6350</xdr:rowOff>
                  </to>
                </anchor>
              </controlPr>
            </control>
          </mc:Choice>
        </mc:AlternateContent>
        <mc:AlternateContent xmlns:mc="http://schemas.openxmlformats.org/markup-compatibility/2006">
          <mc:Choice Requires="x14">
            <control shapeId="2149" r:id="rId103" name="Check Box 101">
              <controlPr defaultSize="0" autoFill="0" autoLine="0" autoPict="0">
                <anchor moveWithCells="1">
                  <from>
                    <xdr:col>91</xdr:col>
                    <xdr:colOff>6350</xdr:colOff>
                    <xdr:row>50</xdr:row>
                    <xdr:rowOff>82550</xdr:rowOff>
                  </from>
                  <to>
                    <xdr:col>94</xdr:col>
                    <xdr:colOff>19050</xdr:colOff>
                    <xdr:row>52</xdr:row>
                    <xdr:rowOff>88900</xdr:rowOff>
                  </to>
                </anchor>
              </controlPr>
            </control>
          </mc:Choice>
        </mc:AlternateContent>
        <mc:AlternateContent xmlns:mc="http://schemas.openxmlformats.org/markup-compatibility/2006">
          <mc:Choice Requires="x14">
            <control shapeId="2150" r:id="rId104" name="Check Box 102">
              <controlPr defaultSize="0" autoFill="0" autoLine="0" autoPict="0">
                <anchor moveWithCells="1">
                  <from>
                    <xdr:col>91</xdr:col>
                    <xdr:colOff>6350</xdr:colOff>
                    <xdr:row>54</xdr:row>
                    <xdr:rowOff>127000</xdr:rowOff>
                  </from>
                  <to>
                    <xdr:col>94</xdr:col>
                    <xdr:colOff>19050</xdr:colOff>
                    <xdr:row>55</xdr:row>
                    <xdr:rowOff>101600</xdr:rowOff>
                  </to>
                </anchor>
              </controlPr>
            </control>
          </mc:Choice>
        </mc:AlternateContent>
        <mc:AlternateContent xmlns:mc="http://schemas.openxmlformats.org/markup-compatibility/2006">
          <mc:Choice Requires="x14">
            <control shapeId="2151" r:id="rId105" name="Check Box 103">
              <controlPr defaultSize="0" autoFill="0" autoLine="0" autoPict="0">
                <anchor moveWithCells="1">
                  <from>
                    <xdr:col>91</xdr:col>
                    <xdr:colOff>6350</xdr:colOff>
                    <xdr:row>55</xdr:row>
                    <xdr:rowOff>82550</xdr:rowOff>
                  </from>
                  <to>
                    <xdr:col>94</xdr:col>
                    <xdr:colOff>19050</xdr:colOff>
                    <xdr:row>57</xdr:row>
                    <xdr:rowOff>88900</xdr:rowOff>
                  </to>
                </anchor>
              </controlPr>
            </control>
          </mc:Choice>
        </mc:AlternateContent>
        <mc:AlternateContent xmlns:mc="http://schemas.openxmlformats.org/markup-compatibility/2006">
          <mc:Choice Requires="x14">
            <control shapeId="2152" r:id="rId106" name="Check Box 104">
              <controlPr defaultSize="0" autoFill="0" autoLine="0" autoPict="0">
                <anchor moveWithCells="1">
                  <from>
                    <xdr:col>91</xdr:col>
                    <xdr:colOff>6350</xdr:colOff>
                    <xdr:row>59</xdr:row>
                    <xdr:rowOff>127000</xdr:rowOff>
                  </from>
                  <to>
                    <xdr:col>94</xdr:col>
                    <xdr:colOff>19050</xdr:colOff>
                    <xdr:row>61</xdr:row>
                    <xdr:rowOff>31750</xdr:rowOff>
                  </to>
                </anchor>
              </controlPr>
            </control>
          </mc:Choice>
        </mc:AlternateContent>
        <mc:AlternateContent xmlns:mc="http://schemas.openxmlformats.org/markup-compatibility/2006">
          <mc:Choice Requires="x14">
            <control shapeId="2153" r:id="rId107" name="Check Box 105">
              <controlPr defaultSize="0" autoFill="0" autoLine="0" autoPict="0">
                <anchor moveWithCells="1">
                  <from>
                    <xdr:col>91</xdr:col>
                    <xdr:colOff>6350</xdr:colOff>
                    <xdr:row>60</xdr:row>
                    <xdr:rowOff>82550</xdr:rowOff>
                  </from>
                  <to>
                    <xdr:col>94</xdr:col>
                    <xdr:colOff>19050</xdr:colOff>
                    <xdr:row>62</xdr:row>
                    <xdr:rowOff>88900</xdr:rowOff>
                  </to>
                </anchor>
              </controlPr>
            </control>
          </mc:Choice>
        </mc:AlternateContent>
        <mc:AlternateContent xmlns:mc="http://schemas.openxmlformats.org/markup-compatibility/2006">
          <mc:Choice Requires="x14">
            <control shapeId="2154" r:id="rId108" name="Check Box 106">
              <controlPr defaultSize="0" autoFill="0" autoLine="0" autoPict="0">
                <anchor moveWithCells="1">
                  <from>
                    <xdr:col>91</xdr:col>
                    <xdr:colOff>6350</xdr:colOff>
                    <xdr:row>64</xdr:row>
                    <xdr:rowOff>127000</xdr:rowOff>
                  </from>
                  <to>
                    <xdr:col>94</xdr:col>
                    <xdr:colOff>19050</xdr:colOff>
                    <xdr:row>66</xdr:row>
                    <xdr:rowOff>50800</xdr:rowOff>
                  </to>
                </anchor>
              </controlPr>
            </control>
          </mc:Choice>
        </mc:AlternateContent>
        <mc:AlternateContent xmlns:mc="http://schemas.openxmlformats.org/markup-compatibility/2006">
          <mc:Choice Requires="x14">
            <control shapeId="2155" r:id="rId109" name="Check Box 107">
              <controlPr defaultSize="0" autoFill="0" autoLine="0" autoPict="0">
                <anchor moveWithCells="1">
                  <from>
                    <xdr:col>91</xdr:col>
                    <xdr:colOff>6350</xdr:colOff>
                    <xdr:row>65</xdr:row>
                    <xdr:rowOff>82550</xdr:rowOff>
                  </from>
                  <to>
                    <xdr:col>94</xdr:col>
                    <xdr:colOff>19050</xdr:colOff>
                    <xdr:row>67</xdr:row>
                    <xdr:rowOff>88900</xdr:rowOff>
                  </to>
                </anchor>
              </controlPr>
            </control>
          </mc:Choice>
        </mc:AlternateContent>
        <mc:AlternateContent xmlns:mc="http://schemas.openxmlformats.org/markup-compatibility/2006">
          <mc:Choice Requires="x14">
            <control shapeId="2156" r:id="rId110" name="Check Box 108">
              <controlPr defaultSize="0" autoFill="0" autoLine="0" autoPict="0">
                <anchor moveWithCells="1">
                  <from>
                    <xdr:col>91</xdr:col>
                    <xdr:colOff>6350</xdr:colOff>
                    <xdr:row>69</xdr:row>
                    <xdr:rowOff>95250</xdr:rowOff>
                  </from>
                  <to>
                    <xdr:col>94</xdr:col>
                    <xdr:colOff>19050</xdr:colOff>
                    <xdr:row>71</xdr:row>
                    <xdr:rowOff>38100</xdr:rowOff>
                  </to>
                </anchor>
              </controlPr>
            </control>
          </mc:Choice>
        </mc:AlternateContent>
        <mc:AlternateContent xmlns:mc="http://schemas.openxmlformats.org/markup-compatibility/2006">
          <mc:Choice Requires="x14">
            <control shapeId="2157" r:id="rId111" name="Check Box 109">
              <controlPr defaultSize="0" autoFill="0" autoLine="0" autoPict="0">
                <anchor moveWithCells="1">
                  <from>
                    <xdr:col>91</xdr:col>
                    <xdr:colOff>6350</xdr:colOff>
                    <xdr:row>71</xdr:row>
                    <xdr:rowOff>6350</xdr:rowOff>
                  </from>
                  <to>
                    <xdr:col>94</xdr:col>
                    <xdr:colOff>19050</xdr:colOff>
                    <xdr:row>73</xdr:row>
                    <xdr:rowOff>12700</xdr:rowOff>
                  </to>
                </anchor>
              </controlPr>
            </control>
          </mc:Choice>
        </mc:AlternateContent>
        <mc:AlternateContent xmlns:mc="http://schemas.openxmlformats.org/markup-compatibility/2006">
          <mc:Choice Requires="x14">
            <control shapeId="2158" r:id="rId112" name="Check Box 110">
              <controlPr defaultSize="0" autoFill="0" autoLine="0" autoPict="0">
                <anchor moveWithCells="1">
                  <from>
                    <xdr:col>91</xdr:col>
                    <xdr:colOff>6350</xdr:colOff>
                    <xdr:row>74</xdr:row>
                    <xdr:rowOff>95250</xdr:rowOff>
                  </from>
                  <to>
                    <xdr:col>94</xdr:col>
                    <xdr:colOff>19050</xdr:colOff>
                    <xdr:row>76</xdr:row>
                    <xdr:rowOff>38100</xdr:rowOff>
                  </to>
                </anchor>
              </controlPr>
            </control>
          </mc:Choice>
        </mc:AlternateContent>
        <mc:AlternateContent xmlns:mc="http://schemas.openxmlformats.org/markup-compatibility/2006">
          <mc:Choice Requires="x14">
            <control shapeId="2159" r:id="rId113" name="Check Box 111">
              <controlPr defaultSize="0" autoFill="0" autoLine="0" autoPict="0">
                <anchor moveWithCells="1">
                  <from>
                    <xdr:col>91</xdr:col>
                    <xdr:colOff>6350</xdr:colOff>
                    <xdr:row>76</xdr:row>
                    <xdr:rowOff>6350</xdr:rowOff>
                  </from>
                  <to>
                    <xdr:col>94</xdr:col>
                    <xdr:colOff>19050</xdr:colOff>
                    <xdr:row>78</xdr:row>
                    <xdr:rowOff>12700</xdr:rowOff>
                  </to>
                </anchor>
              </controlPr>
            </control>
          </mc:Choice>
        </mc:AlternateContent>
        <mc:AlternateContent xmlns:mc="http://schemas.openxmlformats.org/markup-compatibility/2006">
          <mc:Choice Requires="x14">
            <control shapeId="2160" r:id="rId114" name="Check Box 112">
              <controlPr defaultSize="0" autoFill="0" autoLine="0" autoPict="0">
                <anchor moveWithCells="1">
                  <from>
                    <xdr:col>91</xdr:col>
                    <xdr:colOff>6350</xdr:colOff>
                    <xdr:row>79</xdr:row>
                    <xdr:rowOff>95250</xdr:rowOff>
                  </from>
                  <to>
                    <xdr:col>94</xdr:col>
                    <xdr:colOff>19050</xdr:colOff>
                    <xdr:row>81</xdr:row>
                    <xdr:rowOff>38100</xdr:rowOff>
                  </to>
                </anchor>
              </controlPr>
            </control>
          </mc:Choice>
        </mc:AlternateContent>
        <mc:AlternateContent xmlns:mc="http://schemas.openxmlformats.org/markup-compatibility/2006">
          <mc:Choice Requires="x14">
            <control shapeId="2161" r:id="rId115" name="Check Box 113">
              <controlPr defaultSize="0" autoFill="0" autoLine="0" autoPict="0">
                <anchor moveWithCells="1">
                  <from>
                    <xdr:col>91</xdr:col>
                    <xdr:colOff>6350</xdr:colOff>
                    <xdr:row>81</xdr:row>
                    <xdr:rowOff>6350</xdr:rowOff>
                  </from>
                  <to>
                    <xdr:col>94</xdr:col>
                    <xdr:colOff>19050</xdr:colOff>
                    <xdr:row>83</xdr:row>
                    <xdr:rowOff>12700</xdr:rowOff>
                  </to>
                </anchor>
              </controlPr>
            </control>
          </mc:Choice>
        </mc:AlternateContent>
        <mc:AlternateContent xmlns:mc="http://schemas.openxmlformats.org/markup-compatibility/2006">
          <mc:Choice Requires="x14">
            <control shapeId="2162" r:id="rId116" name="Check Box 114">
              <controlPr defaultSize="0" autoFill="0" autoLine="0" autoPict="0">
                <anchor moveWithCells="1">
                  <from>
                    <xdr:col>91</xdr:col>
                    <xdr:colOff>6350</xdr:colOff>
                    <xdr:row>84</xdr:row>
                    <xdr:rowOff>95250</xdr:rowOff>
                  </from>
                  <to>
                    <xdr:col>94</xdr:col>
                    <xdr:colOff>19050</xdr:colOff>
                    <xdr:row>86</xdr:row>
                    <xdr:rowOff>38100</xdr:rowOff>
                  </to>
                </anchor>
              </controlPr>
            </control>
          </mc:Choice>
        </mc:AlternateContent>
        <mc:AlternateContent xmlns:mc="http://schemas.openxmlformats.org/markup-compatibility/2006">
          <mc:Choice Requires="x14">
            <control shapeId="2163" r:id="rId117" name="Check Box 115">
              <controlPr defaultSize="0" autoFill="0" autoLine="0" autoPict="0">
                <anchor moveWithCells="1">
                  <from>
                    <xdr:col>91</xdr:col>
                    <xdr:colOff>6350</xdr:colOff>
                    <xdr:row>86</xdr:row>
                    <xdr:rowOff>6350</xdr:rowOff>
                  </from>
                  <to>
                    <xdr:col>94</xdr:col>
                    <xdr:colOff>19050</xdr:colOff>
                    <xdr:row>88</xdr:row>
                    <xdr:rowOff>12700</xdr:rowOff>
                  </to>
                </anchor>
              </controlPr>
            </control>
          </mc:Choice>
        </mc:AlternateContent>
        <mc:AlternateContent xmlns:mc="http://schemas.openxmlformats.org/markup-compatibility/2006">
          <mc:Choice Requires="x14">
            <control shapeId="2164" r:id="rId118" name="Check Box 116">
              <controlPr defaultSize="0" autoFill="0" autoLine="0" autoPict="0">
                <anchor moveWithCells="1">
                  <from>
                    <xdr:col>68</xdr:col>
                    <xdr:colOff>82550</xdr:colOff>
                    <xdr:row>94</xdr:row>
                    <xdr:rowOff>31750</xdr:rowOff>
                  </from>
                  <to>
                    <xdr:col>75</xdr:col>
                    <xdr:colOff>19050</xdr:colOff>
                    <xdr:row>96</xdr:row>
                    <xdr:rowOff>69850</xdr:rowOff>
                  </to>
                </anchor>
              </controlPr>
            </control>
          </mc:Choice>
        </mc:AlternateContent>
        <mc:AlternateContent xmlns:mc="http://schemas.openxmlformats.org/markup-compatibility/2006">
          <mc:Choice Requires="x14">
            <control shapeId="2165" r:id="rId119" name="Check Box 117">
              <controlPr defaultSize="0" autoFill="0" autoLine="0" autoPict="0">
                <anchor moveWithCells="1">
                  <from>
                    <xdr:col>75</xdr:col>
                    <xdr:colOff>38100</xdr:colOff>
                    <xdr:row>94</xdr:row>
                    <xdr:rowOff>31750</xdr:rowOff>
                  </from>
                  <to>
                    <xdr:col>81</xdr:col>
                    <xdr:colOff>82550</xdr:colOff>
                    <xdr:row>96</xdr:row>
                    <xdr:rowOff>76200</xdr:rowOff>
                  </to>
                </anchor>
              </controlPr>
            </control>
          </mc:Choice>
        </mc:AlternateContent>
        <mc:AlternateContent xmlns:mc="http://schemas.openxmlformats.org/markup-compatibility/2006">
          <mc:Choice Requires="x14">
            <control shapeId="2166" r:id="rId120" name="Check Box 118">
              <controlPr defaultSize="0" autoFill="0" autoLine="0" autoPict="0">
                <anchor moveWithCells="1">
                  <from>
                    <xdr:col>81</xdr:col>
                    <xdr:colOff>69850</xdr:colOff>
                    <xdr:row>94</xdr:row>
                    <xdr:rowOff>19050</xdr:rowOff>
                  </from>
                  <to>
                    <xdr:col>88</xdr:col>
                    <xdr:colOff>25400</xdr:colOff>
                    <xdr:row>96</xdr:row>
                    <xdr:rowOff>57150</xdr:rowOff>
                  </to>
                </anchor>
              </controlPr>
            </control>
          </mc:Choice>
        </mc:AlternateContent>
        <mc:AlternateContent xmlns:mc="http://schemas.openxmlformats.org/markup-compatibility/2006">
          <mc:Choice Requires="x14">
            <control shapeId="2167" r:id="rId121" name="Check Box 119">
              <controlPr defaultSize="0" autoFill="0" autoLine="0" autoPict="0">
                <anchor moveWithCells="1">
                  <from>
                    <xdr:col>68</xdr:col>
                    <xdr:colOff>82550</xdr:colOff>
                    <xdr:row>99</xdr:row>
                    <xdr:rowOff>31750</xdr:rowOff>
                  </from>
                  <to>
                    <xdr:col>75</xdr:col>
                    <xdr:colOff>19050</xdr:colOff>
                    <xdr:row>101</xdr:row>
                    <xdr:rowOff>69850</xdr:rowOff>
                  </to>
                </anchor>
              </controlPr>
            </control>
          </mc:Choice>
        </mc:AlternateContent>
        <mc:AlternateContent xmlns:mc="http://schemas.openxmlformats.org/markup-compatibility/2006">
          <mc:Choice Requires="x14">
            <control shapeId="2168" r:id="rId122" name="Check Box 120">
              <controlPr defaultSize="0" autoFill="0" autoLine="0" autoPict="0">
                <anchor moveWithCells="1">
                  <from>
                    <xdr:col>75</xdr:col>
                    <xdr:colOff>38100</xdr:colOff>
                    <xdr:row>99</xdr:row>
                    <xdr:rowOff>31750</xdr:rowOff>
                  </from>
                  <to>
                    <xdr:col>81</xdr:col>
                    <xdr:colOff>82550</xdr:colOff>
                    <xdr:row>101</xdr:row>
                    <xdr:rowOff>76200</xdr:rowOff>
                  </to>
                </anchor>
              </controlPr>
            </control>
          </mc:Choice>
        </mc:AlternateContent>
        <mc:AlternateContent xmlns:mc="http://schemas.openxmlformats.org/markup-compatibility/2006">
          <mc:Choice Requires="x14">
            <control shapeId="2169" r:id="rId123" name="Check Box 121">
              <controlPr defaultSize="0" autoFill="0" autoLine="0" autoPict="0">
                <anchor moveWithCells="1">
                  <from>
                    <xdr:col>81</xdr:col>
                    <xdr:colOff>69850</xdr:colOff>
                    <xdr:row>99</xdr:row>
                    <xdr:rowOff>19050</xdr:rowOff>
                  </from>
                  <to>
                    <xdr:col>88</xdr:col>
                    <xdr:colOff>25400</xdr:colOff>
                    <xdr:row>101</xdr:row>
                    <xdr:rowOff>57150</xdr:rowOff>
                  </to>
                </anchor>
              </controlPr>
            </control>
          </mc:Choice>
        </mc:AlternateContent>
        <mc:AlternateContent xmlns:mc="http://schemas.openxmlformats.org/markup-compatibility/2006">
          <mc:Choice Requires="x14">
            <control shapeId="2170" r:id="rId124" name="Check Box 122">
              <controlPr defaultSize="0" autoFill="0" autoLine="0" autoPict="0">
                <anchor moveWithCells="1">
                  <from>
                    <xdr:col>68</xdr:col>
                    <xdr:colOff>82550</xdr:colOff>
                    <xdr:row>104</xdr:row>
                    <xdr:rowOff>31750</xdr:rowOff>
                  </from>
                  <to>
                    <xdr:col>75</xdr:col>
                    <xdr:colOff>19050</xdr:colOff>
                    <xdr:row>106</xdr:row>
                    <xdr:rowOff>69850</xdr:rowOff>
                  </to>
                </anchor>
              </controlPr>
            </control>
          </mc:Choice>
        </mc:AlternateContent>
        <mc:AlternateContent xmlns:mc="http://schemas.openxmlformats.org/markup-compatibility/2006">
          <mc:Choice Requires="x14">
            <control shapeId="2171" r:id="rId125" name="Check Box 123">
              <controlPr defaultSize="0" autoFill="0" autoLine="0" autoPict="0">
                <anchor moveWithCells="1">
                  <from>
                    <xdr:col>75</xdr:col>
                    <xdr:colOff>38100</xdr:colOff>
                    <xdr:row>104</xdr:row>
                    <xdr:rowOff>31750</xdr:rowOff>
                  </from>
                  <to>
                    <xdr:col>81</xdr:col>
                    <xdr:colOff>82550</xdr:colOff>
                    <xdr:row>106</xdr:row>
                    <xdr:rowOff>76200</xdr:rowOff>
                  </to>
                </anchor>
              </controlPr>
            </control>
          </mc:Choice>
        </mc:AlternateContent>
        <mc:AlternateContent xmlns:mc="http://schemas.openxmlformats.org/markup-compatibility/2006">
          <mc:Choice Requires="x14">
            <control shapeId="2172" r:id="rId126" name="Check Box 124">
              <controlPr defaultSize="0" autoFill="0" autoLine="0" autoPict="0">
                <anchor moveWithCells="1">
                  <from>
                    <xdr:col>81</xdr:col>
                    <xdr:colOff>69850</xdr:colOff>
                    <xdr:row>104</xdr:row>
                    <xdr:rowOff>19050</xdr:rowOff>
                  </from>
                  <to>
                    <xdr:col>88</xdr:col>
                    <xdr:colOff>25400</xdr:colOff>
                    <xdr:row>106</xdr:row>
                    <xdr:rowOff>571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925A9AE-8FF0-471B-A2E3-60888774DF03}">
  <sheetPr>
    <tabColor rgb="FFFFFF00"/>
    <pageSetUpPr fitToPage="1"/>
  </sheetPr>
  <dimension ref="A1:CQ75"/>
  <sheetViews>
    <sheetView view="pageBreakPreview" topLeftCell="A37" zoomScale="60" zoomScaleNormal="100" workbookViewId="0">
      <selection activeCell="A27" sqref="A27:CQ28"/>
    </sheetView>
  </sheetViews>
  <sheetFormatPr defaultRowHeight="18" x14ac:dyDescent="0.55000000000000004"/>
  <cols>
    <col min="1" max="95" width="1.1640625" customWidth="1"/>
  </cols>
  <sheetData>
    <row r="1" spans="1:95" ht="7" customHeight="1" x14ac:dyDescent="0.55000000000000004">
      <c r="A1" s="39"/>
      <c r="B1" s="39"/>
      <c r="C1" s="39"/>
      <c r="D1" s="67"/>
      <c r="E1" s="67"/>
      <c r="F1" s="67"/>
      <c r="G1" s="67"/>
      <c r="H1" s="67"/>
      <c r="I1" s="67"/>
      <c r="J1" s="67"/>
      <c r="K1" s="67"/>
      <c r="L1" s="67"/>
      <c r="M1" s="67"/>
      <c r="N1" s="67"/>
      <c r="O1" s="67"/>
      <c r="P1" s="67"/>
      <c r="Q1" s="67"/>
      <c r="R1" s="67"/>
      <c r="S1" s="67"/>
      <c r="T1" s="67"/>
      <c r="U1" s="67"/>
      <c r="V1" s="67"/>
      <c r="W1" s="67"/>
      <c r="X1" s="67"/>
      <c r="Y1" s="67"/>
      <c r="Z1" s="67"/>
      <c r="AA1" s="67"/>
      <c r="AB1" s="67"/>
      <c r="AC1" s="67"/>
      <c r="AD1" s="67"/>
      <c r="AE1" s="67"/>
      <c r="AF1" s="67"/>
      <c r="AG1" s="67"/>
      <c r="AH1" s="67"/>
      <c r="AI1" s="67"/>
      <c r="AJ1" s="67"/>
      <c r="AK1" s="67"/>
      <c r="AL1" s="67"/>
      <c r="AM1" s="67"/>
      <c r="AN1" s="67"/>
      <c r="AO1" s="67"/>
      <c r="AP1" s="67"/>
      <c r="AQ1" s="67"/>
      <c r="AR1" s="67"/>
      <c r="AS1" s="67"/>
      <c r="AT1" s="67"/>
      <c r="AU1" s="67"/>
      <c r="AV1" s="67"/>
      <c r="AW1" s="67"/>
      <c r="AX1" s="67"/>
      <c r="AY1" s="67"/>
      <c r="AZ1" s="67"/>
      <c r="BA1" s="67"/>
      <c r="BB1" s="67"/>
      <c r="BC1" s="67"/>
      <c r="BD1" s="67"/>
      <c r="BE1" s="67"/>
      <c r="BF1" s="67"/>
      <c r="BG1" s="67"/>
      <c r="BH1" s="67"/>
      <c r="BI1" s="67"/>
      <c r="BJ1" s="67"/>
      <c r="BK1" s="67"/>
      <c r="BL1" s="67"/>
      <c r="BM1" s="24"/>
      <c r="BN1" s="23"/>
      <c r="BO1" s="23"/>
      <c r="BP1" s="23"/>
      <c r="BQ1" s="23"/>
      <c r="BR1" s="23"/>
      <c r="BS1" s="23"/>
      <c r="BT1" s="23"/>
      <c r="BU1" s="50"/>
      <c r="BV1" s="50"/>
      <c r="BW1" s="14"/>
      <c r="BX1" s="14"/>
      <c r="BY1" s="14"/>
      <c r="BZ1" s="27"/>
      <c r="CA1" s="27"/>
      <c r="CB1" s="46"/>
      <c r="CC1" s="46"/>
      <c r="CD1" s="46"/>
      <c r="CE1" s="46"/>
      <c r="CF1" s="46"/>
      <c r="CG1" s="46"/>
      <c r="CH1" s="46"/>
      <c r="CI1" s="46"/>
      <c r="CJ1" s="46"/>
      <c r="CK1" s="46"/>
      <c r="CL1" s="46"/>
      <c r="CM1" s="46"/>
      <c r="CN1" s="46"/>
      <c r="CO1" s="46"/>
      <c r="CP1" s="46"/>
      <c r="CQ1" s="46"/>
    </row>
    <row r="2" spans="1:95" ht="7" customHeight="1" x14ac:dyDescent="0.55000000000000004">
      <c r="A2" s="68"/>
      <c r="B2" s="8"/>
      <c r="C2" s="8"/>
      <c r="D2" s="8"/>
      <c r="E2" s="8"/>
      <c r="F2" s="8"/>
      <c r="G2" s="8"/>
      <c r="H2" s="8"/>
      <c r="I2" s="8"/>
      <c r="J2" s="8"/>
      <c r="K2" s="8"/>
      <c r="L2" s="8"/>
      <c r="M2" s="8"/>
      <c r="N2" s="8"/>
      <c r="O2" s="8"/>
      <c r="P2" s="69"/>
      <c r="Q2" s="69"/>
      <c r="R2" s="69"/>
      <c r="S2" s="69"/>
      <c r="T2" s="69"/>
      <c r="U2" s="69"/>
      <c r="V2" s="69"/>
      <c r="W2" s="69"/>
      <c r="X2" s="69"/>
      <c r="Y2" s="69"/>
      <c r="Z2" s="69"/>
      <c r="AA2" s="69"/>
      <c r="AB2" s="69"/>
      <c r="AC2" s="69"/>
      <c r="AD2" s="69"/>
      <c r="AE2" s="69"/>
      <c r="AF2" s="69"/>
      <c r="AG2" s="69"/>
      <c r="AH2" s="69"/>
      <c r="AI2" s="69"/>
      <c r="AJ2" s="69"/>
      <c r="AK2" s="69"/>
      <c r="AL2" s="69"/>
      <c r="AM2" s="69"/>
      <c r="AN2" s="69"/>
      <c r="AO2" s="69"/>
      <c r="AP2" s="69"/>
      <c r="AQ2" s="69"/>
      <c r="AR2" s="69"/>
      <c r="AS2" s="69"/>
      <c r="AT2" s="69"/>
      <c r="AU2" s="45"/>
      <c r="AV2" s="45"/>
      <c r="AW2" s="12"/>
      <c r="AX2" s="12"/>
      <c r="AY2" s="12"/>
      <c r="AZ2" s="12"/>
      <c r="BA2" s="12"/>
      <c r="BB2" s="12"/>
      <c r="BC2" s="12"/>
      <c r="BD2" s="12"/>
      <c r="BE2" s="12"/>
      <c r="BF2" s="12"/>
      <c r="BG2" s="12"/>
      <c r="BH2" s="12"/>
      <c r="BI2" s="12"/>
      <c r="BJ2" s="12"/>
      <c r="BK2" s="12"/>
      <c r="BL2" s="12"/>
      <c r="BM2" s="12"/>
      <c r="BN2" s="12"/>
      <c r="BO2" s="12"/>
      <c r="BP2" s="14"/>
      <c r="BQ2" s="14"/>
      <c r="BR2" s="14"/>
      <c r="BS2" s="14"/>
      <c r="BT2" s="8"/>
      <c r="BU2" s="50"/>
      <c r="BV2" s="50"/>
      <c r="BW2" s="14"/>
      <c r="BX2" s="14"/>
      <c r="BY2" s="14"/>
      <c r="BZ2" s="27"/>
      <c r="CA2" s="27"/>
      <c r="CB2" s="46"/>
      <c r="CC2" s="46"/>
      <c r="CD2" s="46"/>
      <c r="CE2" s="46"/>
      <c r="CF2" s="46"/>
      <c r="CG2" s="46"/>
      <c r="CH2" s="46"/>
      <c r="CI2" s="46"/>
      <c r="CJ2" s="46"/>
      <c r="CK2" s="46"/>
      <c r="CL2" s="46"/>
      <c r="CM2" s="46"/>
      <c r="CN2" s="46"/>
      <c r="CO2" s="46"/>
      <c r="CP2" s="46"/>
      <c r="CQ2" s="46"/>
    </row>
    <row r="3" spans="1:95" ht="7" customHeight="1" x14ac:dyDescent="0.55000000000000004">
      <c r="A3" s="499" t="s">
        <v>57</v>
      </c>
      <c r="B3" s="499"/>
      <c r="C3" s="499"/>
      <c r="D3" s="499"/>
      <c r="E3" s="499"/>
      <c r="F3" s="499"/>
      <c r="G3" s="499"/>
      <c r="H3" s="499"/>
      <c r="I3" s="499"/>
      <c r="J3" s="499"/>
      <c r="K3" s="499"/>
      <c r="L3" s="499"/>
      <c r="M3" s="499"/>
      <c r="N3" s="499"/>
      <c r="O3" s="69"/>
      <c r="P3" s="69"/>
      <c r="Q3" s="69"/>
      <c r="R3" s="69"/>
      <c r="S3" s="69"/>
      <c r="T3" s="69"/>
      <c r="U3" s="69"/>
      <c r="V3" s="69"/>
      <c r="W3" s="69"/>
      <c r="X3" s="69"/>
      <c r="Y3" s="69"/>
      <c r="Z3" s="69"/>
      <c r="AA3" s="69"/>
      <c r="AB3" s="69"/>
      <c r="AC3" s="69"/>
      <c r="AD3" s="69"/>
      <c r="AE3" s="69"/>
      <c r="AF3" s="69"/>
      <c r="AG3" s="69"/>
      <c r="AH3" s="69"/>
      <c r="AI3" s="69"/>
      <c r="AJ3" s="69"/>
      <c r="AK3" s="69"/>
      <c r="AL3" s="69"/>
      <c r="AM3" s="69"/>
      <c r="AN3" s="69"/>
      <c r="AO3" s="69"/>
      <c r="AP3" s="69"/>
      <c r="AQ3" s="69"/>
      <c r="AR3" s="69"/>
      <c r="AS3" s="69"/>
      <c r="AT3" s="69"/>
      <c r="AU3" s="12"/>
      <c r="AV3" s="12"/>
      <c r="AW3" s="12"/>
      <c r="AX3" s="12"/>
      <c r="AY3" s="12"/>
      <c r="AZ3" s="12"/>
      <c r="BA3" s="12"/>
      <c r="BB3" s="12"/>
      <c r="BC3" s="12"/>
      <c r="BD3" s="12"/>
      <c r="BE3" s="12"/>
      <c r="BF3" s="12"/>
      <c r="BG3" s="12"/>
      <c r="BH3" s="12"/>
      <c r="BI3" s="14"/>
      <c r="BJ3" s="14"/>
      <c r="BK3" s="14"/>
      <c r="BL3" s="14"/>
      <c r="BM3" s="14"/>
      <c r="BN3" s="14"/>
      <c r="BO3" s="14"/>
      <c r="BP3" s="14"/>
      <c r="BQ3" s="14"/>
      <c r="BR3" s="14"/>
      <c r="BS3" s="14"/>
      <c r="BT3" s="70"/>
      <c r="BU3" s="50"/>
      <c r="BV3" s="50"/>
      <c r="BW3" s="14"/>
      <c r="BX3" s="14"/>
      <c r="BY3" s="14"/>
      <c r="BZ3" s="27"/>
      <c r="CA3" s="27"/>
      <c r="CB3" s="46"/>
      <c r="CC3" s="46"/>
      <c r="CD3" s="46"/>
      <c r="CE3" s="46"/>
      <c r="CF3" s="46"/>
      <c r="CG3" s="46"/>
      <c r="CH3" s="46"/>
      <c r="CI3" s="46"/>
      <c r="CJ3" s="46"/>
      <c r="CK3" s="46"/>
      <c r="CL3" s="46"/>
      <c r="CM3" s="46"/>
      <c r="CN3" s="46"/>
      <c r="CO3" s="46"/>
      <c r="CP3" s="46"/>
      <c r="CQ3" s="46"/>
    </row>
    <row r="4" spans="1:95" ht="7" customHeight="1" x14ac:dyDescent="0.55000000000000004">
      <c r="A4" s="499"/>
      <c r="B4" s="499"/>
      <c r="C4" s="499"/>
      <c r="D4" s="499"/>
      <c r="E4" s="499"/>
      <c r="F4" s="499"/>
      <c r="G4" s="499"/>
      <c r="H4" s="499"/>
      <c r="I4" s="499"/>
      <c r="J4" s="499"/>
      <c r="K4" s="499"/>
      <c r="L4" s="499"/>
      <c r="M4" s="499"/>
      <c r="N4" s="499"/>
      <c r="O4" s="69"/>
      <c r="P4" s="69"/>
      <c r="Q4" s="69"/>
      <c r="R4" s="69"/>
      <c r="S4" s="69"/>
      <c r="T4" s="69"/>
      <c r="U4" s="69"/>
      <c r="V4" s="69"/>
      <c r="W4" s="69"/>
      <c r="X4" s="69"/>
      <c r="Y4" s="69"/>
      <c r="Z4" s="69"/>
      <c r="AA4" s="69"/>
      <c r="AB4" s="69"/>
      <c r="AC4" s="69"/>
      <c r="AD4" s="69"/>
      <c r="AE4" s="69"/>
      <c r="AF4" s="69"/>
      <c r="AG4" s="69"/>
      <c r="AH4" s="69"/>
      <c r="AI4" s="69"/>
      <c r="AJ4" s="69"/>
      <c r="AK4" s="69"/>
      <c r="AL4" s="69"/>
      <c r="AM4" s="69"/>
      <c r="AN4" s="69"/>
      <c r="AO4" s="69"/>
      <c r="AP4" s="69"/>
      <c r="AQ4" s="69"/>
      <c r="AR4" s="69"/>
      <c r="AS4" s="69"/>
      <c r="AT4" s="69"/>
      <c r="AU4" s="12"/>
      <c r="AV4" s="12"/>
      <c r="AW4" s="12"/>
      <c r="AX4" s="12"/>
      <c r="AY4" s="12"/>
      <c r="AZ4" s="12"/>
      <c r="BA4" s="12"/>
      <c r="BB4" s="12"/>
      <c r="BC4" s="12"/>
      <c r="BD4" s="12"/>
      <c r="BE4" s="12"/>
      <c r="BF4" s="12"/>
      <c r="BG4" s="12"/>
      <c r="BH4" s="12"/>
      <c r="BI4" s="14"/>
      <c r="BJ4" s="14"/>
      <c r="BK4" s="14"/>
      <c r="BL4" s="14"/>
      <c r="BM4" s="14"/>
      <c r="BN4" s="14"/>
      <c r="BO4" s="14"/>
      <c r="BP4" s="14"/>
      <c r="BQ4" s="14"/>
      <c r="BR4" s="14"/>
      <c r="BS4" s="14"/>
      <c r="BT4" s="70"/>
      <c r="BU4" s="50"/>
      <c r="BV4" s="50"/>
      <c r="BW4" s="14"/>
      <c r="BX4" s="14"/>
      <c r="BY4" s="14"/>
      <c r="BZ4" s="27"/>
      <c r="CA4" s="27"/>
      <c r="CB4" s="46"/>
      <c r="CC4" s="46"/>
      <c r="CD4" s="46"/>
      <c r="CE4" s="46"/>
      <c r="CF4" s="46"/>
      <c r="CG4" s="46"/>
      <c r="CH4" s="46"/>
      <c r="CI4" s="46"/>
      <c r="CJ4" s="46"/>
      <c r="CK4" s="46"/>
      <c r="CL4" s="46"/>
      <c r="CM4" s="46"/>
      <c r="CN4" s="46"/>
      <c r="CO4" s="46"/>
      <c r="CP4" s="46"/>
      <c r="CQ4" s="46"/>
    </row>
    <row r="5" spans="1:95" ht="7" customHeight="1" x14ac:dyDescent="0.55000000000000004">
      <c r="A5" s="499"/>
      <c r="B5" s="499"/>
      <c r="C5" s="499"/>
      <c r="D5" s="499"/>
      <c r="E5" s="499"/>
      <c r="F5" s="499"/>
      <c r="G5" s="499"/>
      <c r="H5" s="499"/>
      <c r="I5" s="499"/>
      <c r="J5" s="499"/>
      <c r="K5" s="499"/>
      <c r="L5" s="499"/>
      <c r="M5" s="499"/>
      <c r="N5" s="499"/>
      <c r="O5" s="69"/>
      <c r="P5" s="69"/>
      <c r="Q5" s="69"/>
      <c r="R5" s="69"/>
      <c r="S5" s="69"/>
      <c r="T5" s="69"/>
      <c r="U5" s="69"/>
      <c r="V5" s="69"/>
      <c r="W5" s="69"/>
      <c r="X5" s="69"/>
      <c r="Y5" s="69"/>
      <c r="Z5" s="69"/>
      <c r="AA5" s="69"/>
      <c r="AB5" s="69"/>
      <c r="AC5" s="69"/>
      <c r="AD5" s="69"/>
      <c r="AE5" s="69"/>
      <c r="AF5" s="69"/>
      <c r="AG5" s="69"/>
      <c r="AH5" s="69"/>
      <c r="AI5" s="69"/>
      <c r="AJ5" s="69"/>
      <c r="AK5" s="69"/>
      <c r="AL5" s="69"/>
      <c r="AM5" s="69"/>
      <c r="AN5" s="69"/>
      <c r="AO5" s="69"/>
      <c r="AP5" s="69"/>
      <c r="AQ5" s="69"/>
      <c r="AR5" s="69"/>
      <c r="AS5" s="69"/>
      <c r="AT5" s="69"/>
      <c r="AU5" s="12"/>
      <c r="AV5" s="12"/>
      <c r="AW5" s="12"/>
      <c r="AX5" s="12"/>
      <c r="AY5" s="12"/>
      <c r="AZ5" s="12"/>
      <c r="BA5" s="12"/>
      <c r="BB5" s="12"/>
      <c r="BC5" s="12"/>
      <c r="BD5" s="12"/>
      <c r="BE5" s="12"/>
      <c r="BF5" s="12"/>
      <c r="BG5" s="12"/>
      <c r="BH5" s="12"/>
      <c r="BI5" s="14"/>
      <c r="BJ5" s="14"/>
      <c r="BK5" s="14"/>
      <c r="BL5" s="14"/>
      <c r="BM5" s="14"/>
      <c r="BN5" s="14"/>
      <c r="BO5" s="14"/>
      <c r="BP5" s="14"/>
      <c r="BQ5" s="14"/>
      <c r="BR5" s="14"/>
      <c r="BS5" s="14"/>
      <c r="BT5" s="70"/>
      <c r="BU5" s="50"/>
      <c r="BV5" s="50"/>
      <c r="BW5" s="14"/>
      <c r="BX5" s="14"/>
      <c r="BY5" s="14"/>
      <c r="BZ5" s="27"/>
      <c r="CA5" s="27"/>
      <c r="CB5" s="46"/>
      <c r="CC5" s="46"/>
      <c r="CD5" s="46"/>
      <c r="CE5" s="46"/>
      <c r="CF5" s="46"/>
      <c r="CG5" s="46"/>
      <c r="CH5" s="46"/>
      <c r="CI5" s="46"/>
      <c r="CJ5" s="46"/>
      <c r="CK5" s="46"/>
      <c r="CL5" s="46"/>
      <c r="CM5" s="46"/>
      <c r="CN5" s="46"/>
      <c r="CO5" s="46"/>
      <c r="CP5" s="46"/>
      <c r="CQ5" s="46"/>
    </row>
    <row r="6" spans="1:95" ht="7" customHeight="1" x14ac:dyDescent="0.55000000000000004">
      <c r="A6" s="499"/>
      <c r="B6" s="499"/>
      <c r="C6" s="499"/>
      <c r="D6" s="499"/>
      <c r="E6" s="499"/>
      <c r="F6" s="499"/>
      <c r="G6" s="499"/>
      <c r="H6" s="499"/>
      <c r="I6" s="499"/>
      <c r="J6" s="499"/>
      <c r="K6" s="499"/>
      <c r="L6" s="499"/>
      <c r="M6" s="499"/>
      <c r="N6" s="499"/>
      <c r="O6" s="71"/>
      <c r="P6" s="71"/>
      <c r="Q6" s="71"/>
      <c r="R6" s="71"/>
      <c r="S6" s="71"/>
      <c r="T6" s="71"/>
      <c r="U6" s="71"/>
      <c r="V6" s="71"/>
      <c r="W6" s="71"/>
      <c r="X6" s="71"/>
      <c r="Y6" s="71"/>
      <c r="Z6" s="71"/>
      <c r="AA6" s="71"/>
      <c r="AB6" s="71"/>
      <c r="AC6" s="71"/>
      <c r="AD6" s="71"/>
      <c r="AE6" s="71"/>
      <c r="AF6" s="71"/>
      <c r="AG6" s="71"/>
      <c r="AH6" s="71"/>
      <c r="AI6" s="71"/>
      <c r="AJ6" s="71"/>
      <c r="AK6" s="71"/>
      <c r="AL6" s="71"/>
      <c r="AM6" s="71"/>
      <c r="AN6" s="71"/>
      <c r="AO6" s="71"/>
      <c r="AP6" s="71"/>
      <c r="AQ6" s="71"/>
      <c r="AR6" s="71"/>
      <c r="AS6" s="71"/>
      <c r="AT6" s="71"/>
      <c r="AU6" s="12"/>
      <c r="AV6" s="12"/>
      <c r="AW6" s="12"/>
      <c r="AX6" s="12"/>
      <c r="AY6" s="12"/>
      <c r="AZ6" s="12"/>
      <c r="BA6" s="12"/>
      <c r="BB6" s="12"/>
      <c r="BC6" s="12"/>
      <c r="BD6" s="12"/>
      <c r="BE6" s="12"/>
      <c r="BF6" s="12"/>
      <c r="BG6" s="12"/>
      <c r="BH6" s="12"/>
      <c r="BI6" s="14"/>
      <c r="BJ6" s="14"/>
      <c r="BK6" s="14"/>
      <c r="BL6" s="14"/>
      <c r="BM6" s="14"/>
      <c r="BN6" s="14"/>
      <c r="BO6" s="14"/>
      <c r="BP6" s="14"/>
      <c r="BQ6" s="14"/>
      <c r="BR6" s="14"/>
      <c r="BS6" s="14"/>
      <c r="BT6" s="8"/>
      <c r="BU6" s="50"/>
      <c r="BV6" s="50"/>
      <c r="BW6" s="14"/>
      <c r="BX6" s="14"/>
      <c r="BY6" s="14"/>
      <c r="BZ6" s="27"/>
      <c r="CA6" s="27"/>
      <c r="CB6" s="46"/>
      <c r="CC6" s="46"/>
      <c r="CD6" s="46"/>
      <c r="CE6" s="46"/>
      <c r="CF6" s="46"/>
      <c r="CG6" s="46"/>
      <c r="CH6" s="46"/>
      <c r="CI6" s="46"/>
      <c r="CJ6" s="46"/>
      <c r="CK6" s="46"/>
      <c r="CL6" s="46"/>
      <c r="CM6" s="46"/>
      <c r="CN6" s="46"/>
      <c r="CO6" s="46"/>
      <c r="CP6" s="46"/>
      <c r="CQ6" s="46"/>
    </row>
    <row r="7" spans="1:95" ht="7" customHeight="1" x14ac:dyDescent="0.55000000000000004">
      <c r="A7" s="499"/>
      <c r="B7" s="499"/>
      <c r="C7" s="499"/>
      <c r="D7" s="499"/>
      <c r="E7" s="499"/>
      <c r="F7" s="499"/>
      <c r="G7" s="499"/>
      <c r="H7" s="499"/>
      <c r="I7" s="499"/>
      <c r="J7" s="499"/>
      <c r="K7" s="499"/>
      <c r="L7" s="499"/>
      <c r="M7" s="499"/>
      <c r="N7" s="499"/>
      <c r="O7" s="71"/>
      <c r="P7" s="71"/>
      <c r="Q7" s="71"/>
      <c r="R7" s="71"/>
      <c r="S7" s="71"/>
      <c r="T7" s="71"/>
      <c r="U7" s="71"/>
      <c r="V7" s="71"/>
      <c r="W7" s="71"/>
      <c r="X7" s="71"/>
      <c r="Y7" s="71"/>
      <c r="Z7" s="71"/>
      <c r="AA7" s="71"/>
      <c r="AB7" s="71"/>
      <c r="AC7" s="71"/>
      <c r="AD7" s="71"/>
      <c r="AE7" s="71"/>
      <c r="AF7" s="71"/>
      <c r="AG7" s="71"/>
      <c r="AH7" s="71"/>
      <c r="AI7" s="71"/>
      <c r="AJ7" s="71"/>
      <c r="AK7" s="71"/>
      <c r="AL7" s="71"/>
      <c r="AM7" s="71"/>
      <c r="AN7" s="71"/>
      <c r="AO7" s="71"/>
      <c r="AP7" s="71"/>
      <c r="AQ7" s="71"/>
      <c r="AR7" s="71"/>
      <c r="AS7" s="71"/>
      <c r="AT7" s="71"/>
      <c r="AU7" s="12"/>
      <c r="AV7" s="12"/>
      <c r="AW7" s="12"/>
      <c r="AX7" s="12"/>
      <c r="AY7" s="12"/>
      <c r="AZ7" s="12"/>
      <c r="BA7" s="12"/>
      <c r="BB7" s="12"/>
      <c r="BC7" s="12"/>
      <c r="BD7" s="12"/>
      <c r="BE7" s="12"/>
      <c r="BF7" s="12"/>
      <c r="BG7" s="12"/>
      <c r="BH7" s="12"/>
      <c r="BI7" s="14"/>
      <c r="BJ7" s="14"/>
      <c r="BK7" s="14"/>
      <c r="BL7" s="14"/>
      <c r="BM7" s="14"/>
      <c r="BN7" s="14"/>
      <c r="BO7" s="14"/>
      <c r="BP7" s="14"/>
      <c r="BQ7" s="14"/>
      <c r="BR7" s="14"/>
      <c r="BS7" s="14"/>
      <c r="BT7" s="8"/>
      <c r="BU7" s="50"/>
      <c r="BV7" s="50"/>
      <c r="BW7" s="14"/>
      <c r="BX7" s="14"/>
      <c r="BY7" s="14"/>
      <c r="BZ7" s="27"/>
      <c r="CA7" s="27"/>
      <c r="CB7" s="46"/>
      <c r="CC7" s="46"/>
      <c r="CD7" s="46"/>
      <c r="CE7" s="46"/>
      <c r="CF7" s="46"/>
      <c r="CG7" s="46"/>
      <c r="CH7" s="46"/>
      <c r="CI7" s="46"/>
      <c r="CJ7" s="46"/>
      <c r="CK7" s="46"/>
      <c r="CL7" s="46"/>
      <c r="CM7" s="46"/>
      <c r="CN7" s="46"/>
      <c r="CO7" s="46"/>
      <c r="CP7" s="46"/>
      <c r="CQ7" s="46"/>
    </row>
    <row r="8" spans="1:95" ht="7" customHeight="1" x14ac:dyDescent="0.55000000000000004">
      <c r="A8" s="500" t="s">
        <v>58</v>
      </c>
      <c r="B8" s="500"/>
      <c r="C8" s="500"/>
      <c r="D8" s="500"/>
      <c r="E8" s="500"/>
      <c r="F8" s="500"/>
      <c r="G8" s="500"/>
      <c r="H8" s="500"/>
      <c r="I8" s="500"/>
      <c r="J8" s="500"/>
      <c r="K8" s="500"/>
      <c r="L8" s="500"/>
      <c r="M8" s="500"/>
      <c r="N8" s="500"/>
      <c r="O8" s="500"/>
      <c r="P8" s="500"/>
      <c r="Q8" s="500"/>
      <c r="R8" s="500"/>
      <c r="S8" s="500"/>
      <c r="T8" s="500"/>
      <c r="U8" s="500"/>
      <c r="V8" s="500"/>
      <c r="W8" s="500"/>
      <c r="X8" s="500"/>
      <c r="Y8" s="500"/>
      <c r="Z8" s="500"/>
      <c r="AA8" s="500"/>
      <c r="AB8" s="500"/>
      <c r="AC8" s="500"/>
      <c r="AD8" s="500"/>
      <c r="AE8" s="500"/>
      <c r="AF8" s="500"/>
      <c r="AG8" s="500"/>
      <c r="AH8" s="500"/>
      <c r="AI8" s="500"/>
      <c r="AJ8" s="500"/>
      <c r="AK8" s="500"/>
      <c r="AL8" s="500"/>
      <c r="AM8" s="500"/>
      <c r="AN8" s="500"/>
      <c r="AO8" s="500"/>
      <c r="AP8" s="500"/>
      <c r="AQ8" s="500"/>
      <c r="AR8" s="500"/>
      <c r="AS8" s="500"/>
      <c r="AT8" s="500"/>
      <c r="AU8" s="500"/>
      <c r="AV8" s="500"/>
      <c r="AW8" s="500"/>
      <c r="AX8" s="500"/>
      <c r="AY8" s="500"/>
      <c r="AZ8" s="500"/>
      <c r="BA8" s="500"/>
      <c r="BB8" s="500"/>
      <c r="BC8" s="500"/>
      <c r="BD8" s="500"/>
      <c r="BE8" s="500"/>
      <c r="BF8" s="500"/>
      <c r="BG8" s="500"/>
      <c r="BH8" s="500"/>
      <c r="BI8" s="500"/>
      <c r="BJ8" s="500"/>
      <c r="BK8" s="500"/>
      <c r="BL8" s="500"/>
      <c r="BM8" s="500"/>
      <c r="BN8" s="500"/>
      <c r="BO8" s="500"/>
      <c r="BP8" s="500"/>
      <c r="BQ8" s="500"/>
      <c r="BR8" s="500"/>
      <c r="BS8" s="500"/>
      <c r="BT8" s="500"/>
      <c r="BU8" s="500"/>
      <c r="BV8" s="500"/>
      <c r="BW8" s="500"/>
      <c r="BX8" s="500"/>
      <c r="BY8" s="500"/>
      <c r="BZ8" s="500"/>
      <c r="CA8" s="500"/>
      <c r="CB8" s="500"/>
      <c r="CC8" s="500"/>
      <c r="CD8" s="500"/>
      <c r="CE8" s="500"/>
      <c r="CF8" s="500"/>
      <c r="CG8" s="500"/>
      <c r="CH8" s="500"/>
      <c r="CI8" s="500"/>
      <c r="CJ8" s="500"/>
      <c r="CK8" s="500"/>
      <c r="CL8" s="500"/>
      <c r="CM8" s="500"/>
      <c r="CN8" s="500"/>
      <c r="CO8" s="500"/>
      <c r="CP8" s="500"/>
      <c r="CQ8" s="46"/>
    </row>
    <row r="9" spans="1:95" ht="7" customHeight="1" x14ac:dyDescent="0.55000000000000004">
      <c r="A9" s="500"/>
      <c r="B9" s="500"/>
      <c r="C9" s="500"/>
      <c r="D9" s="500"/>
      <c r="E9" s="500"/>
      <c r="F9" s="500"/>
      <c r="G9" s="500"/>
      <c r="H9" s="500"/>
      <c r="I9" s="500"/>
      <c r="J9" s="500"/>
      <c r="K9" s="500"/>
      <c r="L9" s="500"/>
      <c r="M9" s="500"/>
      <c r="N9" s="500"/>
      <c r="O9" s="500"/>
      <c r="P9" s="500"/>
      <c r="Q9" s="500"/>
      <c r="R9" s="500"/>
      <c r="S9" s="500"/>
      <c r="T9" s="500"/>
      <c r="U9" s="500"/>
      <c r="V9" s="500"/>
      <c r="W9" s="500"/>
      <c r="X9" s="500"/>
      <c r="Y9" s="500"/>
      <c r="Z9" s="500"/>
      <c r="AA9" s="500"/>
      <c r="AB9" s="500"/>
      <c r="AC9" s="500"/>
      <c r="AD9" s="500"/>
      <c r="AE9" s="500"/>
      <c r="AF9" s="500"/>
      <c r="AG9" s="500"/>
      <c r="AH9" s="500"/>
      <c r="AI9" s="500"/>
      <c r="AJ9" s="500"/>
      <c r="AK9" s="500"/>
      <c r="AL9" s="500"/>
      <c r="AM9" s="500"/>
      <c r="AN9" s="500"/>
      <c r="AO9" s="500"/>
      <c r="AP9" s="500"/>
      <c r="AQ9" s="500"/>
      <c r="AR9" s="500"/>
      <c r="AS9" s="500"/>
      <c r="AT9" s="500"/>
      <c r="AU9" s="500"/>
      <c r="AV9" s="500"/>
      <c r="AW9" s="500"/>
      <c r="AX9" s="500"/>
      <c r="AY9" s="500"/>
      <c r="AZ9" s="500"/>
      <c r="BA9" s="500"/>
      <c r="BB9" s="500"/>
      <c r="BC9" s="500"/>
      <c r="BD9" s="500"/>
      <c r="BE9" s="500"/>
      <c r="BF9" s="500"/>
      <c r="BG9" s="500"/>
      <c r="BH9" s="500"/>
      <c r="BI9" s="500"/>
      <c r="BJ9" s="500"/>
      <c r="BK9" s="500"/>
      <c r="BL9" s="500"/>
      <c r="BM9" s="500"/>
      <c r="BN9" s="500"/>
      <c r="BO9" s="500"/>
      <c r="BP9" s="500"/>
      <c r="BQ9" s="500"/>
      <c r="BR9" s="500"/>
      <c r="BS9" s="500"/>
      <c r="BT9" s="500"/>
      <c r="BU9" s="500"/>
      <c r="BV9" s="500"/>
      <c r="BW9" s="500"/>
      <c r="BX9" s="500"/>
      <c r="BY9" s="500"/>
      <c r="BZ9" s="500"/>
      <c r="CA9" s="500"/>
      <c r="CB9" s="500"/>
      <c r="CC9" s="500"/>
      <c r="CD9" s="500"/>
      <c r="CE9" s="500"/>
      <c r="CF9" s="500"/>
      <c r="CG9" s="500"/>
      <c r="CH9" s="500"/>
      <c r="CI9" s="500"/>
      <c r="CJ9" s="500"/>
      <c r="CK9" s="500"/>
      <c r="CL9" s="500"/>
      <c r="CM9" s="500"/>
      <c r="CN9" s="500"/>
      <c r="CO9" s="500"/>
      <c r="CP9" s="500"/>
      <c r="CQ9" s="46"/>
    </row>
    <row r="10" spans="1:95" ht="7" customHeight="1" x14ac:dyDescent="0.55000000000000004">
      <c r="A10" s="500"/>
      <c r="B10" s="500"/>
      <c r="C10" s="500"/>
      <c r="D10" s="500"/>
      <c r="E10" s="500"/>
      <c r="F10" s="500"/>
      <c r="G10" s="500"/>
      <c r="H10" s="500"/>
      <c r="I10" s="500"/>
      <c r="J10" s="500"/>
      <c r="K10" s="500"/>
      <c r="L10" s="500"/>
      <c r="M10" s="500"/>
      <c r="N10" s="500"/>
      <c r="O10" s="500"/>
      <c r="P10" s="500"/>
      <c r="Q10" s="500"/>
      <c r="R10" s="500"/>
      <c r="S10" s="500"/>
      <c r="T10" s="500"/>
      <c r="U10" s="500"/>
      <c r="V10" s="500"/>
      <c r="W10" s="500"/>
      <c r="X10" s="500"/>
      <c r="Y10" s="500"/>
      <c r="Z10" s="500"/>
      <c r="AA10" s="500"/>
      <c r="AB10" s="500"/>
      <c r="AC10" s="500"/>
      <c r="AD10" s="500"/>
      <c r="AE10" s="500"/>
      <c r="AF10" s="500"/>
      <c r="AG10" s="500"/>
      <c r="AH10" s="500"/>
      <c r="AI10" s="500"/>
      <c r="AJ10" s="500"/>
      <c r="AK10" s="500"/>
      <c r="AL10" s="500"/>
      <c r="AM10" s="500"/>
      <c r="AN10" s="500"/>
      <c r="AO10" s="500"/>
      <c r="AP10" s="500"/>
      <c r="AQ10" s="500"/>
      <c r="AR10" s="500"/>
      <c r="AS10" s="500"/>
      <c r="AT10" s="500"/>
      <c r="AU10" s="500"/>
      <c r="AV10" s="500"/>
      <c r="AW10" s="500"/>
      <c r="AX10" s="500"/>
      <c r="AY10" s="500"/>
      <c r="AZ10" s="500"/>
      <c r="BA10" s="500"/>
      <c r="BB10" s="500"/>
      <c r="BC10" s="500"/>
      <c r="BD10" s="500"/>
      <c r="BE10" s="500"/>
      <c r="BF10" s="500"/>
      <c r="BG10" s="500"/>
      <c r="BH10" s="500"/>
      <c r="BI10" s="500"/>
      <c r="BJ10" s="500"/>
      <c r="BK10" s="500"/>
      <c r="BL10" s="500"/>
      <c r="BM10" s="500"/>
      <c r="BN10" s="500"/>
      <c r="BO10" s="500"/>
      <c r="BP10" s="500"/>
      <c r="BQ10" s="500"/>
      <c r="BR10" s="500"/>
      <c r="BS10" s="500"/>
      <c r="BT10" s="500"/>
      <c r="BU10" s="500"/>
      <c r="BV10" s="500"/>
      <c r="BW10" s="500"/>
      <c r="BX10" s="500"/>
      <c r="BY10" s="500"/>
      <c r="BZ10" s="500"/>
      <c r="CA10" s="500"/>
      <c r="CB10" s="500"/>
      <c r="CC10" s="500"/>
      <c r="CD10" s="500"/>
      <c r="CE10" s="500"/>
      <c r="CF10" s="500"/>
      <c r="CG10" s="500"/>
      <c r="CH10" s="500"/>
      <c r="CI10" s="500"/>
      <c r="CJ10" s="500"/>
      <c r="CK10" s="500"/>
      <c r="CL10" s="500"/>
      <c r="CM10" s="500"/>
      <c r="CN10" s="500"/>
      <c r="CO10" s="500"/>
      <c r="CP10" s="500"/>
      <c r="CQ10" s="46"/>
    </row>
    <row r="11" spans="1:95" ht="7" customHeight="1" x14ac:dyDescent="0.55000000000000004">
      <c r="A11" s="498" t="s">
        <v>59</v>
      </c>
      <c r="B11" s="498"/>
      <c r="C11" s="498"/>
      <c r="D11" s="498"/>
      <c r="E11" s="498"/>
      <c r="F11" s="498"/>
      <c r="G11" s="498"/>
      <c r="H11" s="498"/>
      <c r="I11" s="498"/>
      <c r="J11" s="498"/>
      <c r="K11" s="498"/>
      <c r="L11" s="498"/>
      <c r="M11" s="498"/>
      <c r="N11" s="498"/>
      <c r="O11" s="498"/>
      <c r="P11" s="498"/>
      <c r="Q11" s="498"/>
      <c r="R11" s="498"/>
      <c r="S11" s="498"/>
      <c r="T11" s="498"/>
      <c r="U11" s="498"/>
      <c r="V11" s="498"/>
      <c r="W11" s="498"/>
      <c r="X11" s="498"/>
      <c r="Y11" s="498"/>
      <c r="Z11" s="498"/>
      <c r="AA11" s="498"/>
      <c r="AB11" s="498"/>
      <c r="AC11" s="498"/>
      <c r="AD11" s="498"/>
      <c r="AE11" s="498"/>
      <c r="AF11" s="498"/>
      <c r="AG11" s="498"/>
      <c r="AH11" s="498"/>
      <c r="AI11" s="498"/>
      <c r="AJ11" s="498"/>
      <c r="AK11" s="498"/>
      <c r="AL11" s="498"/>
      <c r="AM11" s="498"/>
      <c r="AN11" s="498"/>
      <c r="AO11" s="498"/>
      <c r="AP11" s="498"/>
      <c r="AQ11" s="498"/>
      <c r="AR11" s="498"/>
      <c r="AS11" s="498"/>
      <c r="AT11" s="498"/>
      <c r="AU11" s="498"/>
      <c r="AV11" s="498"/>
      <c r="AW11" s="498"/>
      <c r="AX11" s="498"/>
      <c r="AY11" s="498"/>
      <c r="AZ11" s="498"/>
      <c r="BA11" s="498"/>
      <c r="BB11" s="498"/>
      <c r="BC11" s="498"/>
      <c r="BD11" s="498"/>
      <c r="BE11" s="498"/>
      <c r="BF11" s="498"/>
      <c r="BG11" s="498"/>
      <c r="BH11" s="498"/>
      <c r="BI11" s="498"/>
      <c r="BJ11" s="498"/>
      <c r="BK11" s="498"/>
      <c r="BL11" s="498"/>
      <c r="BM11" s="498"/>
      <c r="BN11" s="498"/>
      <c r="BO11" s="498"/>
      <c r="BP11" s="498"/>
      <c r="BQ11" s="498"/>
      <c r="BR11" s="498"/>
      <c r="BS11" s="498"/>
      <c r="BT11" s="498"/>
      <c r="BU11" s="498"/>
      <c r="BV11" s="498"/>
      <c r="BW11" s="498"/>
      <c r="BX11" s="498"/>
      <c r="BY11" s="498"/>
      <c r="BZ11" s="498"/>
      <c r="CA11" s="498"/>
      <c r="CB11" s="498"/>
      <c r="CC11" s="498"/>
      <c r="CD11" s="498"/>
      <c r="CE11" s="498"/>
      <c r="CF11" s="498"/>
      <c r="CG11" s="498"/>
      <c r="CH11" s="498"/>
      <c r="CI11" s="498"/>
      <c r="CJ11" s="498"/>
      <c r="CK11" s="498"/>
      <c r="CL11" s="46"/>
      <c r="CM11" s="46"/>
      <c r="CN11" s="46"/>
      <c r="CO11" s="46"/>
      <c r="CP11" s="46"/>
      <c r="CQ11" s="46"/>
    </row>
    <row r="12" spans="1:95" ht="7" customHeight="1" x14ac:dyDescent="0.55000000000000004">
      <c r="A12" s="498"/>
      <c r="B12" s="498"/>
      <c r="C12" s="498"/>
      <c r="D12" s="498"/>
      <c r="E12" s="498"/>
      <c r="F12" s="498"/>
      <c r="G12" s="498"/>
      <c r="H12" s="498"/>
      <c r="I12" s="498"/>
      <c r="J12" s="498"/>
      <c r="K12" s="498"/>
      <c r="L12" s="498"/>
      <c r="M12" s="498"/>
      <c r="N12" s="498"/>
      <c r="O12" s="498"/>
      <c r="P12" s="498"/>
      <c r="Q12" s="498"/>
      <c r="R12" s="498"/>
      <c r="S12" s="498"/>
      <c r="T12" s="498"/>
      <c r="U12" s="498"/>
      <c r="V12" s="498"/>
      <c r="W12" s="498"/>
      <c r="X12" s="498"/>
      <c r="Y12" s="498"/>
      <c r="Z12" s="498"/>
      <c r="AA12" s="498"/>
      <c r="AB12" s="498"/>
      <c r="AC12" s="498"/>
      <c r="AD12" s="498"/>
      <c r="AE12" s="498"/>
      <c r="AF12" s="498"/>
      <c r="AG12" s="498"/>
      <c r="AH12" s="498"/>
      <c r="AI12" s="498"/>
      <c r="AJ12" s="498"/>
      <c r="AK12" s="498"/>
      <c r="AL12" s="498"/>
      <c r="AM12" s="498"/>
      <c r="AN12" s="498"/>
      <c r="AO12" s="498"/>
      <c r="AP12" s="498"/>
      <c r="AQ12" s="498"/>
      <c r="AR12" s="498"/>
      <c r="AS12" s="498"/>
      <c r="AT12" s="498"/>
      <c r="AU12" s="498"/>
      <c r="AV12" s="498"/>
      <c r="AW12" s="498"/>
      <c r="AX12" s="498"/>
      <c r="AY12" s="498"/>
      <c r="AZ12" s="498"/>
      <c r="BA12" s="498"/>
      <c r="BB12" s="498"/>
      <c r="BC12" s="498"/>
      <c r="BD12" s="498"/>
      <c r="BE12" s="498"/>
      <c r="BF12" s="498"/>
      <c r="BG12" s="498"/>
      <c r="BH12" s="498"/>
      <c r="BI12" s="498"/>
      <c r="BJ12" s="498"/>
      <c r="BK12" s="498"/>
      <c r="BL12" s="498"/>
      <c r="BM12" s="498"/>
      <c r="BN12" s="498"/>
      <c r="BO12" s="498"/>
      <c r="BP12" s="498"/>
      <c r="BQ12" s="498"/>
      <c r="BR12" s="498"/>
      <c r="BS12" s="498"/>
      <c r="BT12" s="498"/>
      <c r="BU12" s="498"/>
      <c r="BV12" s="498"/>
      <c r="BW12" s="498"/>
      <c r="BX12" s="498"/>
      <c r="BY12" s="498"/>
      <c r="BZ12" s="498"/>
      <c r="CA12" s="498"/>
      <c r="CB12" s="498"/>
      <c r="CC12" s="498"/>
      <c r="CD12" s="498"/>
      <c r="CE12" s="498"/>
      <c r="CF12" s="498"/>
      <c r="CG12" s="498"/>
      <c r="CH12" s="498"/>
      <c r="CI12" s="498"/>
      <c r="CJ12" s="498"/>
      <c r="CK12" s="498"/>
      <c r="CL12" s="46"/>
      <c r="CM12" s="46"/>
      <c r="CN12" s="46"/>
      <c r="CO12" s="46"/>
      <c r="CP12" s="46"/>
      <c r="CQ12" s="46"/>
    </row>
    <row r="13" spans="1:95" ht="7" customHeight="1" x14ac:dyDescent="0.55000000000000004">
      <c r="A13" s="498"/>
      <c r="B13" s="498"/>
      <c r="C13" s="498"/>
      <c r="D13" s="498"/>
      <c r="E13" s="498"/>
      <c r="F13" s="498"/>
      <c r="G13" s="498"/>
      <c r="H13" s="498"/>
      <c r="I13" s="498"/>
      <c r="J13" s="498"/>
      <c r="K13" s="498"/>
      <c r="L13" s="498"/>
      <c r="M13" s="498"/>
      <c r="N13" s="498"/>
      <c r="O13" s="498"/>
      <c r="P13" s="498"/>
      <c r="Q13" s="498"/>
      <c r="R13" s="498"/>
      <c r="S13" s="498"/>
      <c r="T13" s="498"/>
      <c r="U13" s="498"/>
      <c r="V13" s="498"/>
      <c r="W13" s="498"/>
      <c r="X13" s="498"/>
      <c r="Y13" s="498"/>
      <c r="Z13" s="498"/>
      <c r="AA13" s="498"/>
      <c r="AB13" s="498"/>
      <c r="AC13" s="498"/>
      <c r="AD13" s="498"/>
      <c r="AE13" s="498"/>
      <c r="AF13" s="498"/>
      <c r="AG13" s="498"/>
      <c r="AH13" s="498"/>
      <c r="AI13" s="498"/>
      <c r="AJ13" s="498"/>
      <c r="AK13" s="498"/>
      <c r="AL13" s="498"/>
      <c r="AM13" s="498"/>
      <c r="AN13" s="498"/>
      <c r="AO13" s="498"/>
      <c r="AP13" s="498"/>
      <c r="AQ13" s="498"/>
      <c r="AR13" s="498"/>
      <c r="AS13" s="498"/>
      <c r="AT13" s="498"/>
      <c r="AU13" s="498"/>
      <c r="AV13" s="498"/>
      <c r="AW13" s="498"/>
      <c r="AX13" s="498"/>
      <c r="AY13" s="498"/>
      <c r="AZ13" s="498"/>
      <c r="BA13" s="498"/>
      <c r="BB13" s="498"/>
      <c r="BC13" s="498"/>
      <c r="BD13" s="498"/>
      <c r="BE13" s="498"/>
      <c r="BF13" s="498"/>
      <c r="BG13" s="498"/>
      <c r="BH13" s="498"/>
      <c r="BI13" s="498"/>
      <c r="BJ13" s="498"/>
      <c r="BK13" s="498"/>
      <c r="BL13" s="498"/>
      <c r="BM13" s="498"/>
      <c r="BN13" s="498"/>
      <c r="BO13" s="498"/>
      <c r="BP13" s="498"/>
      <c r="BQ13" s="498"/>
      <c r="BR13" s="498"/>
      <c r="BS13" s="498"/>
      <c r="BT13" s="498"/>
      <c r="BU13" s="498"/>
      <c r="BV13" s="498"/>
      <c r="BW13" s="498"/>
      <c r="BX13" s="498"/>
      <c r="BY13" s="498"/>
      <c r="BZ13" s="498"/>
      <c r="CA13" s="498"/>
      <c r="CB13" s="498"/>
      <c r="CC13" s="498"/>
      <c r="CD13" s="498"/>
      <c r="CE13" s="498"/>
      <c r="CF13" s="498"/>
      <c r="CG13" s="498"/>
      <c r="CH13" s="498"/>
      <c r="CI13" s="498"/>
      <c r="CJ13" s="498"/>
      <c r="CK13" s="498"/>
      <c r="CL13" s="46"/>
      <c r="CM13" s="46"/>
      <c r="CN13" s="46"/>
      <c r="CO13" s="46"/>
      <c r="CP13" s="46"/>
      <c r="CQ13" s="46"/>
    </row>
    <row r="14" spans="1:95" ht="7" customHeight="1" x14ac:dyDescent="0.55000000000000004">
      <c r="A14" s="498"/>
      <c r="B14" s="498"/>
      <c r="C14" s="498"/>
      <c r="D14" s="498"/>
      <c r="E14" s="498"/>
      <c r="F14" s="498"/>
      <c r="G14" s="498"/>
      <c r="H14" s="498"/>
      <c r="I14" s="498"/>
      <c r="J14" s="498"/>
      <c r="K14" s="498"/>
      <c r="L14" s="498"/>
      <c r="M14" s="498"/>
      <c r="N14" s="498"/>
      <c r="O14" s="498"/>
      <c r="P14" s="498"/>
      <c r="Q14" s="498"/>
      <c r="R14" s="498"/>
      <c r="S14" s="498"/>
      <c r="T14" s="498"/>
      <c r="U14" s="498"/>
      <c r="V14" s="498"/>
      <c r="W14" s="498"/>
      <c r="X14" s="498"/>
      <c r="Y14" s="498"/>
      <c r="Z14" s="498"/>
      <c r="AA14" s="498"/>
      <c r="AB14" s="498"/>
      <c r="AC14" s="498"/>
      <c r="AD14" s="498"/>
      <c r="AE14" s="498"/>
      <c r="AF14" s="498"/>
      <c r="AG14" s="498"/>
      <c r="AH14" s="498"/>
      <c r="AI14" s="498"/>
      <c r="AJ14" s="498"/>
      <c r="AK14" s="498"/>
      <c r="AL14" s="498"/>
      <c r="AM14" s="498"/>
      <c r="AN14" s="498"/>
      <c r="AO14" s="498"/>
      <c r="AP14" s="498"/>
      <c r="AQ14" s="498"/>
      <c r="AR14" s="498"/>
      <c r="AS14" s="498"/>
      <c r="AT14" s="498"/>
      <c r="AU14" s="498"/>
      <c r="AV14" s="498"/>
      <c r="AW14" s="498"/>
      <c r="AX14" s="498"/>
      <c r="AY14" s="498"/>
      <c r="AZ14" s="498"/>
      <c r="BA14" s="498"/>
      <c r="BB14" s="498"/>
      <c r="BC14" s="498"/>
      <c r="BD14" s="498"/>
      <c r="BE14" s="498"/>
      <c r="BF14" s="498"/>
      <c r="BG14" s="498"/>
      <c r="BH14" s="498"/>
      <c r="BI14" s="498"/>
      <c r="BJ14" s="498"/>
      <c r="BK14" s="498"/>
      <c r="BL14" s="498"/>
      <c r="BM14" s="498"/>
      <c r="BN14" s="498"/>
      <c r="BO14" s="498"/>
      <c r="BP14" s="498"/>
      <c r="BQ14" s="498"/>
      <c r="BR14" s="498"/>
      <c r="BS14" s="498"/>
      <c r="BT14" s="498"/>
      <c r="BU14" s="498"/>
      <c r="BV14" s="498"/>
      <c r="BW14" s="498"/>
      <c r="BX14" s="498"/>
      <c r="BY14" s="498"/>
      <c r="BZ14" s="498"/>
      <c r="CA14" s="498"/>
      <c r="CB14" s="498"/>
      <c r="CC14" s="498"/>
      <c r="CD14" s="498"/>
      <c r="CE14" s="498"/>
      <c r="CF14" s="498"/>
      <c r="CG14" s="498"/>
      <c r="CH14" s="498"/>
      <c r="CI14" s="498"/>
      <c r="CJ14" s="498"/>
      <c r="CK14" s="498"/>
      <c r="CL14" s="46"/>
      <c r="CM14" s="46"/>
      <c r="CN14" s="46"/>
      <c r="CO14" s="46"/>
      <c r="CP14" s="46"/>
      <c r="CQ14" s="46"/>
    </row>
    <row r="15" spans="1:95" ht="7" customHeight="1" x14ac:dyDescent="0.55000000000000004">
      <c r="A15" s="498" t="s">
        <v>60</v>
      </c>
      <c r="B15" s="498"/>
      <c r="C15" s="498"/>
      <c r="D15" s="498"/>
      <c r="E15" s="498"/>
      <c r="F15" s="498"/>
      <c r="G15" s="498"/>
      <c r="H15" s="498"/>
      <c r="I15" s="498"/>
      <c r="J15" s="498"/>
      <c r="K15" s="498"/>
      <c r="L15" s="498"/>
      <c r="M15" s="498"/>
      <c r="N15" s="498"/>
      <c r="O15" s="498"/>
      <c r="P15" s="498"/>
      <c r="Q15" s="498"/>
      <c r="R15" s="498"/>
      <c r="S15" s="498"/>
      <c r="T15" s="498"/>
      <c r="U15" s="498"/>
      <c r="V15" s="498"/>
      <c r="W15" s="498"/>
      <c r="X15" s="498"/>
      <c r="Y15" s="498"/>
      <c r="Z15" s="498"/>
      <c r="AA15" s="498"/>
      <c r="AB15" s="498"/>
      <c r="AC15" s="498"/>
      <c r="AD15" s="498"/>
      <c r="AE15" s="498"/>
      <c r="AF15" s="498"/>
      <c r="AG15" s="498"/>
      <c r="AH15" s="498"/>
      <c r="AI15" s="498"/>
      <c r="AJ15" s="498"/>
      <c r="AK15" s="498"/>
      <c r="AL15" s="498"/>
      <c r="AM15" s="498"/>
      <c r="AN15" s="498"/>
      <c r="AO15" s="498"/>
      <c r="AP15" s="498"/>
      <c r="AQ15" s="498"/>
      <c r="AR15" s="498"/>
      <c r="AS15" s="498"/>
      <c r="AT15" s="498"/>
      <c r="AU15" s="498"/>
      <c r="AV15" s="498"/>
      <c r="AW15" s="498"/>
      <c r="AX15" s="498"/>
      <c r="AY15" s="498"/>
      <c r="AZ15" s="498"/>
      <c r="BA15" s="498"/>
      <c r="BB15" s="498"/>
      <c r="BC15" s="498"/>
      <c r="BD15" s="498"/>
      <c r="BE15" s="498"/>
      <c r="BF15" s="498"/>
      <c r="BG15" s="498"/>
      <c r="BH15" s="498"/>
      <c r="BI15" s="498"/>
      <c r="BJ15" s="498"/>
      <c r="BK15" s="498"/>
      <c r="BL15" s="498"/>
      <c r="BM15" s="498"/>
      <c r="BN15" s="498"/>
      <c r="BO15" s="498"/>
      <c r="BP15" s="498"/>
      <c r="BQ15" s="498"/>
      <c r="BR15" s="498"/>
      <c r="BS15" s="498"/>
      <c r="BT15" s="498"/>
      <c r="BU15" s="498"/>
      <c r="BV15" s="498"/>
      <c r="BW15" s="498"/>
      <c r="BX15" s="498"/>
      <c r="BY15" s="498"/>
      <c r="BZ15" s="498"/>
      <c r="CA15" s="498"/>
      <c r="CB15" s="498"/>
      <c r="CC15" s="498"/>
      <c r="CD15" s="498"/>
      <c r="CE15" s="498"/>
      <c r="CF15" s="498"/>
      <c r="CG15" s="498"/>
      <c r="CH15" s="498"/>
      <c r="CI15" s="498"/>
      <c r="CJ15" s="498"/>
      <c r="CK15" s="498"/>
      <c r="CL15" s="498"/>
      <c r="CM15" s="46"/>
      <c r="CN15" s="46"/>
      <c r="CO15" s="46"/>
      <c r="CP15" s="46"/>
      <c r="CQ15" s="46"/>
    </row>
    <row r="16" spans="1:95" ht="7" customHeight="1" x14ac:dyDescent="0.55000000000000004">
      <c r="A16" s="498"/>
      <c r="B16" s="498"/>
      <c r="C16" s="498"/>
      <c r="D16" s="498"/>
      <c r="E16" s="498"/>
      <c r="F16" s="498"/>
      <c r="G16" s="498"/>
      <c r="H16" s="498"/>
      <c r="I16" s="498"/>
      <c r="J16" s="498"/>
      <c r="K16" s="498"/>
      <c r="L16" s="498"/>
      <c r="M16" s="498"/>
      <c r="N16" s="498"/>
      <c r="O16" s="498"/>
      <c r="P16" s="498"/>
      <c r="Q16" s="498"/>
      <c r="R16" s="498"/>
      <c r="S16" s="498"/>
      <c r="T16" s="498"/>
      <c r="U16" s="498"/>
      <c r="V16" s="498"/>
      <c r="W16" s="498"/>
      <c r="X16" s="498"/>
      <c r="Y16" s="498"/>
      <c r="Z16" s="498"/>
      <c r="AA16" s="498"/>
      <c r="AB16" s="498"/>
      <c r="AC16" s="498"/>
      <c r="AD16" s="498"/>
      <c r="AE16" s="498"/>
      <c r="AF16" s="498"/>
      <c r="AG16" s="498"/>
      <c r="AH16" s="498"/>
      <c r="AI16" s="498"/>
      <c r="AJ16" s="498"/>
      <c r="AK16" s="498"/>
      <c r="AL16" s="498"/>
      <c r="AM16" s="498"/>
      <c r="AN16" s="498"/>
      <c r="AO16" s="498"/>
      <c r="AP16" s="498"/>
      <c r="AQ16" s="498"/>
      <c r="AR16" s="498"/>
      <c r="AS16" s="498"/>
      <c r="AT16" s="498"/>
      <c r="AU16" s="498"/>
      <c r="AV16" s="498"/>
      <c r="AW16" s="498"/>
      <c r="AX16" s="498"/>
      <c r="AY16" s="498"/>
      <c r="AZ16" s="498"/>
      <c r="BA16" s="498"/>
      <c r="BB16" s="498"/>
      <c r="BC16" s="498"/>
      <c r="BD16" s="498"/>
      <c r="BE16" s="498"/>
      <c r="BF16" s="498"/>
      <c r="BG16" s="498"/>
      <c r="BH16" s="498"/>
      <c r="BI16" s="498"/>
      <c r="BJ16" s="498"/>
      <c r="BK16" s="498"/>
      <c r="BL16" s="498"/>
      <c r="BM16" s="498"/>
      <c r="BN16" s="498"/>
      <c r="BO16" s="498"/>
      <c r="BP16" s="498"/>
      <c r="BQ16" s="498"/>
      <c r="BR16" s="498"/>
      <c r="BS16" s="498"/>
      <c r="BT16" s="498"/>
      <c r="BU16" s="498"/>
      <c r="BV16" s="498"/>
      <c r="BW16" s="498"/>
      <c r="BX16" s="498"/>
      <c r="BY16" s="498"/>
      <c r="BZ16" s="498"/>
      <c r="CA16" s="498"/>
      <c r="CB16" s="498"/>
      <c r="CC16" s="498"/>
      <c r="CD16" s="498"/>
      <c r="CE16" s="498"/>
      <c r="CF16" s="498"/>
      <c r="CG16" s="498"/>
      <c r="CH16" s="498"/>
      <c r="CI16" s="498"/>
      <c r="CJ16" s="498"/>
      <c r="CK16" s="498"/>
      <c r="CL16" s="498"/>
      <c r="CM16" s="46"/>
      <c r="CN16" s="46"/>
      <c r="CO16" s="46"/>
      <c r="CP16" s="46"/>
      <c r="CQ16" s="46"/>
    </row>
    <row r="17" spans="1:95" ht="7" customHeight="1" x14ac:dyDescent="0.55000000000000004">
      <c r="A17" s="498"/>
      <c r="B17" s="498"/>
      <c r="C17" s="498"/>
      <c r="D17" s="498"/>
      <c r="E17" s="498"/>
      <c r="F17" s="498"/>
      <c r="G17" s="498"/>
      <c r="H17" s="498"/>
      <c r="I17" s="498"/>
      <c r="J17" s="498"/>
      <c r="K17" s="498"/>
      <c r="L17" s="498"/>
      <c r="M17" s="498"/>
      <c r="N17" s="498"/>
      <c r="O17" s="498"/>
      <c r="P17" s="498"/>
      <c r="Q17" s="498"/>
      <c r="R17" s="498"/>
      <c r="S17" s="498"/>
      <c r="T17" s="498"/>
      <c r="U17" s="498"/>
      <c r="V17" s="498"/>
      <c r="W17" s="498"/>
      <c r="X17" s="498"/>
      <c r="Y17" s="498"/>
      <c r="Z17" s="498"/>
      <c r="AA17" s="498"/>
      <c r="AB17" s="498"/>
      <c r="AC17" s="498"/>
      <c r="AD17" s="498"/>
      <c r="AE17" s="498"/>
      <c r="AF17" s="498"/>
      <c r="AG17" s="498"/>
      <c r="AH17" s="498"/>
      <c r="AI17" s="498"/>
      <c r="AJ17" s="498"/>
      <c r="AK17" s="498"/>
      <c r="AL17" s="498"/>
      <c r="AM17" s="498"/>
      <c r="AN17" s="498"/>
      <c r="AO17" s="498"/>
      <c r="AP17" s="498"/>
      <c r="AQ17" s="498"/>
      <c r="AR17" s="498"/>
      <c r="AS17" s="498"/>
      <c r="AT17" s="498"/>
      <c r="AU17" s="498"/>
      <c r="AV17" s="498"/>
      <c r="AW17" s="498"/>
      <c r="AX17" s="498"/>
      <c r="AY17" s="498"/>
      <c r="AZ17" s="498"/>
      <c r="BA17" s="498"/>
      <c r="BB17" s="498"/>
      <c r="BC17" s="498"/>
      <c r="BD17" s="498"/>
      <c r="BE17" s="498"/>
      <c r="BF17" s="498"/>
      <c r="BG17" s="498"/>
      <c r="BH17" s="498"/>
      <c r="BI17" s="498"/>
      <c r="BJ17" s="498"/>
      <c r="BK17" s="498"/>
      <c r="BL17" s="498"/>
      <c r="BM17" s="498"/>
      <c r="BN17" s="498"/>
      <c r="BO17" s="498"/>
      <c r="BP17" s="498"/>
      <c r="BQ17" s="498"/>
      <c r="BR17" s="498"/>
      <c r="BS17" s="498"/>
      <c r="BT17" s="498"/>
      <c r="BU17" s="498"/>
      <c r="BV17" s="498"/>
      <c r="BW17" s="498"/>
      <c r="BX17" s="498"/>
      <c r="BY17" s="498"/>
      <c r="BZ17" s="498"/>
      <c r="CA17" s="498"/>
      <c r="CB17" s="498"/>
      <c r="CC17" s="498"/>
      <c r="CD17" s="498"/>
      <c r="CE17" s="498"/>
      <c r="CF17" s="498"/>
      <c r="CG17" s="498"/>
      <c r="CH17" s="498"/>
      <c r="CI17" s="498"/>
      <c r="CJ17" s="498"/>
      <c r="CK17" s="498"/>
      <c r="CL17" s="498"/>
      <c r="CM17" s="46"/>
      <c r="CN17" s="46"/>
      <c r="CO17" s="46"/>
      <c r="CP17" s="46"/>
      <c r="CQ17" s="46"/>
    </row>
    <row r="18" spans="1:95" ht="7" customHeight="1" x14ac:dyDescent="0.55000000000000004">
      <c r="A18" s="498"/>
      <c r="B18" s="498"/>
      <c r="C18" s="498"/>
      <c r="D18" s="498"/>
      <c r="E18" s="498"/>
      <c r="F18" s="498"/>
      <c r="G18" s="498"/>
      <c r="H18" s="498"/>
      <c r="I18" s="498"/>
      <c r="J18" s="498"/>
      <c r="K18" s="498"/>
      <c r="L18" s="498"/>
      <c r="M18" s="498"/>
      <c r="N18" s="498"/>
      <c r="O18" s="498"/>
      <c r="P18" s="498"/>
      <c r="Q18" s="498"/>
      <c r="R18" s="498"/>
      <c r="S18" s="498"/>
      <c r="T18" s="498"/>
      <c r="U18" s="498"/>
      <c r="V18" s="498"/>
      <c r="W18" s="498"/>
      <c r="X18" s="498"/>
      <c r="Y18" s="498"/>
      <c r="Z18" s="498"/>
      <c r="AA18" s="498"/>
      <c r="AB18" s="498"/>
      <c r="AC18" s="498"/>
      <c r="AD18" s="498"/>
      <c r="AE18" s="498"/>
      <c r="AF18" s="498"/>
      <c r="AG18" s="498"/>
      <c r="AH18" s="498"/>
      <c r="AI18" s="498"/>
      <c r="AJ18" s="498"/>
      <c r="AK18" s="498"/>
      <c r="AL18" s="498"/>
      <c r="AM18" s="498"/>
      <c r="AN18" s="498"/>
      <c r="AO18" s="498"/>
      <c r="AP18" s="498"/>
      <c r="AQ18" s="498"/>
      <c r="AR18" s="498"/>
      <c r="AS18" s="498"/>
      <c r="AT18" s="498"/>
      <c r="AU18" s="498"/>
      <c r="AV18" s="498"/>
      <c r="AW18" s="498"/>
      <c r="AX18" s="498"/>
      <c r="AY18" s="498"/>
      <c r="AZ18" s="498"/>
      <c r="BA18" s="498"/>
      <c r="BB18" s="498"/>
      <c r="BC18" s="498"/>
      <c r="BD18" s="498"/>
      <c r="BE18" s="498"/>
      <c r="BF18" s="498"/>
      <c r="BG18" s="498"/>
      <c r="BH18" s="498"/>
      <c r="BI18" s="498"/>
      <c r="BJ18" s="498"/>
      <c r="BK18" s="498"/>
      <c r="BL18" s="498"/>
      <c r="BM18" s="498"/>
      <c r="BN18" s="498"/>
      <c r="BO18" s="498"/>
      <c r="BP18" s="498"/>
      <c r="BQ18" s="498"/>
      <c r="BR18" s="498"/>
      <c r="BS18" s="498"/>
      <c r="BT18" s="498"/>
      <c r="BU18" s="498"/>
      <c r="BV18" s="498"/>
      <c r="BW18" s="498"/>
      <c r="BX18" s="498"/>
      <c r="BY18" s="498"/>
      <c r="BZ18" s="498"/>
      <c r="CA18" s="498"/>
      <c r="CB18" s="498"/>
      <c r="CC18" s="498"/>
      <c r="CD18" s="498"/>
      <c r="CE18" s="498"/>
      <c r="CF18" s="498"/>
      <c r="CG18" s="498"/>
      <c r="CH18" s="498"/>
      <c r="CI18" s="498"/>
      <c r="CJ18" s="498"/>
      <c r="CK18" s="498"/>
      <c r="CL18" s="498"/>
      <c r="CM18" s="46"/>
      <c r="CN18" s="46"/>
      <c r="CO18" s="46"/>
      <c r="CP18" s="46"/>
      <c r="CQ18" s="46"/>
    </row>
    <row r="19" spans="1:95" ht="7" customHeight="1" x14ac:dyDescent="0.55000000000000004">
      <c r="A19" s="498"/>
      <c r="B19" s="498"/>
      <c r="C19" s="498"/>
      <c r="D19" s="498"/>
      <c r="E19" s="498"/>
      <c r="F19" s="498"/>
      <c r="G19" s="498"/>
      <c r="H19" s="498"/>
      <c r="I19" s="498"/>
      <c r="J19" s="498"/>
      <c r="K19" s="498"/>
      <c r="L19" s="498"/>
      <c r="M19" s="498"/>
      <c r="N19" s="498"/>
      <c r="O19" s="498"/>
      <c r="P19" s="498"/>
      <c r="Q19" s="498"/>
      <c r="R19" s="498"/>
      <c r="S19" s="498"/>
      <c r="T19" s="498"/>
      <c r="U19" s="498"/>
      <c r="V19" s="498"/>
      <c r="W19" s="498"/>
      <c r="X19" s="498"/>
      <c r="Y19" s="498"/>
      <c r="Z19" s="498"/>
      <c r="AA19" s="498"/>
      <c r="AB19" s="498"/>
      <c r="AC19" s="498"/>
      <c r="AD19" s="498"/>
      <c r="AE19" s="498"/>
      <c r="AF19" s="498"/>
      <c r="AG19" s="498"/>
      <c r="AH19" s="498"/>
      <c r="AI19" s="498"/>
      <c r="AJ19" s="498"/>
      <c r="AK19" s="498"/>
      <c r="AL19" s="498"/>
      <c r="AM19" s="498"/>
      <c r="AN19" s="498"/>
      <c r="AO19" s="498"/>
      <c r="AP19" s="498"/>
      <c r="AQ19" s="498"/>
      <c r="AR19" s="498"/>
      <c r="AS19" s="498"/>
      <c r="AT19" s="498"/>
      <c r="AU19" s="498"/>
      <c r="AV19" s="498"/>
      <c r="AW19" s="498"/>
      <c r="AX19" s="498"/>
      <c r="AY19" s="498"/>
      <c r="AZ19" s="498"/>
      <c r="BA19" s="498"/>
      <c r="BB19" s="498"/>
      <c r="BC19" s="498"/>
      <c r="BD19" s="498"/>
      <c r="BE19" s="498"/>
      <c r="BF19" s="498"/>
      <c r="BG19" s="498"/>
      <c r="BH19" s="498"/>
      <c r="BI19" s="498"/>
      <c r="BJ19" s="498"/>
      <c r="BK19" s="498"/>
      <c r="BL19" s="498"/>
      <c r="BM19" s="498"/>
      <c r="BN19" s="498"/>
      <c r="BO19" s="498"/>
      <c r="BP19" s="498"/>
      <c r="BQ19" s="498"/>
      <c r="BR19" s="498"/>
      <c r="BS19" s="498"/>
      <c r="BT19" s="498"/>
      <c r="BU19" s="498"/>
      <c r="BV19" s="498"/>
      <c r="BW19" s="498"/>
      <c r="BX19" s="498"/>
      <c r="BY19" s="498"/>
      <c r="BZ19" s="498"/>
      <c r="CA19" s="498"/>
      <c r="CB19" s="498"/>
      <c r="CC19" s="498"/>
      <c r="CD19" s="498"/>
      <c r="CE19" s="498"/>
      <c r="CF19" s="498"/>
      <c r="CG19" s="498"/>
      <c r="CH19" s="498"/>
      <c r="CI19" s="498"/>
      <c r="CJ19" s="498"/>
      <c r="CK19" s="498"/>
      <c r="CL19" s="498"/>
      <c r="CM19" s="498"/>
      <c r="CN19" s="46"/>
      <c r="CO19" s="46"/>
      <c r="CP19" s="46"/>
      <c r="CQ19" s="46"/>
    </row>
    <row r="20" spans="1:95" ht="7" customHeight="1" x14ac:dyDescent="0.55000000000000004">
      <c r="A20" s="498"/>
      <c r="B20" s="498"/>
      <c r="C20" s="498"/>
      <c r="D20" s="498"/>
      <c r="E20" s="498"/>
      <c r="F20" s="498"/>
      <c r="G20" s="498"/>
      <c r="H20" s="498"/>
      <c r="I20" s="498"/>
      <c r="J20" s="498"/>
      <c r="K20" s="498"/>
      <c r="L20" s="498"/>
      <c r="M20" s="498"/>
      <c r="N20" s="498"/>
      <c r="O20" s="498"/>
      <c r="P20" s="498"/>
      <c r="Q20" s="498"/>
      <c r="R20" s="498"/>
      <c r="S20" s="498"/>
      <c r="T20" s="498"/>
      <c r="U20" s="498"/>
      <c r="V20" s="498"/>
      <c r="W20" s="498"/>
      <c r="X20" s="498"/>
      <c r="Y20" s="498"/>
      <c r="Z20" s="498"/>
      <c r="AA20" s="498"/>
      <c r="AB20" s="498"/>
      <c r="AC20" s="498"/>
      <c r="AD20" s="498"/>
      <c r="AE20" s="498"/>
      <c r="AF20" s="498"/>
      <c r="AG20" s="498"/>
      <c r="AH20" s="498"/>
      <c r="AI20" s="498"/>
      <c r="AJ20" s="498"/>
      <c r="AK20" s="498"/>
      <c r="AL20" s="498"/>
      <c r="AM20" s="498"/>
      <c r="AN20" s="498"/>
      <c r="AO20" s="498"/>
      <c r="AP20" s="498"/>
      <c r="AQ20" s="498"/>
      <c r="AR20" s="498"/>
      <c r="AS20" s="498"/>
      <c r="AT20" s="498"/>
      <c r="AU20" s="498"/>
      <c r="AV20" s="498"/>
      <c r="AW20" s="498"/>
      <c r="AX20" s="498"/>
      <c r="AY20" s="498"/>
      <c r="AZ20" s="498"/>
      <c r="BA20" s="498"/>
      <c r="BB20" s="498"/>
      <c r="BC20" s="498"/>
      <c r="BD20" s="498"/>
      <c r="BE20" s="498"/>
      <c r="BF20" s="498"/>
      <c r="BG20" s="498"/>
      <c r="BH20" s="498"/>
      <c r="BI20" s="498"/>
      <c r="BJ20" s="498"/>
      <c r="BK20" s="498"/>
      <c r="BL20" s="498"/>
      <c r="BM20" s="498"/>
      <c r="BN20" s="498"/>
      <c r="BO20" s="498"/>
      <c r="BP20" s="498"/>
      <c r="BQ20" s="498"/>
      <c r="BR20" s="498"/>
      <c r="BS20" s="498"/>
      <c r="BT20" s="498"/>
      <c r="BU20" s="498"/>
      <c r="BV20" s="498"/>
      <c r="BW20" s="498"/>
      <c r="BX20" s="498"/>
      <c r="BY20" s="498"/>
      <c r="BZ20" s="498"/>
      <c r="CA20" s="498"/>
      <c r="CB20" s="498"/>
      <c r="CC20" s="498"/>
      <c r="CD20" s="498"/>
      <c r="CE20" s="498"/>
      <c r="CF20" s="498"/>
      <c r="CG20" s="498"/>
      <c r="CH20" s="498"/>
      <c r="CI20" s="498"/>
      <c r="CJ20" s="498"/>
      <c r="CK20" s="498"/>
      <c r="CL20" s="498"/>
      <c r="CM20" s="498"/>
      <c r="CN20" s="46"/>
      <c r="CO20" s="46"/>
      <c r="CP20" s="46"/>
      <c r="CQ20" s="46"/>
    </row>
    <row r="21" spans="1:95" ht="7" customHeight="1" x14ac:dyDescent="0.55000000000000004">
      <c r="A21" s="498"/>
      <c r="B21" s="498"/>
      <c r="C21" s="498"/>
      <c r="D21" s="498"/>
      <c r="E21" s="498"/>
      <c r="F21" s="498"/>
      <c r="G21" s="498"/>
      <c r="H21" s="498"/>
      <c r="I21" s="498"/>
      <c r="J21" s="498"/>
      <c r="K21" s="498"/>
      <c r="L21" s="498"/>
      <c r="M21" s="498"/>
      <c r="N21" s="498"/>
      <c r="O21" s="498"/>
      <c r="P21" s="498"/>
      <c r="Q21" s="498"/>
      <c r="R21" s="498"/>
      <c r="S21" s="498"/>
      <c r="T21" s="498"/>
      <c r="U21" s="498"/>
      <c r="V21" s="498"/>
      <c r="W21" s="498"/>
      <c r="X21" s="498"/>
      <c r="Y21" s="498"/>
      <c r="Z21" s="498"/>
      <c r="AA21" s="498"/>
      <c r="AB21" s="498"/>
      <c r="AC21" s="498"/>
      <c r="AD21" s="498"/>
      <c r="AE21" s="498"/>
      <c r="AF21" s="498"/>
      <c r="AG21" s="498"/>
      <c r="AH21" s="498"/>
      <c r="AI21" s="498"/>
      <c r="AJ21" s="498"/>
      <c r="AK21" s="498"/>
      <c r="AL21" s="498"/>
      <c r="AM21" s="498"/>
      <c r="AN21" s="498"/>
      <c r="AO21" s="498"/>
      <c r="AP21" s="498"/>
      <c r="AQ21" s="498"/>
      <c r="AR21" s="498"/>
      <c r="AS21" s="498"/>
      <c r="AT21" s="498"/>
      <c r="AU21" s="498"/>
      <c r="AV21" s="498"/>
      <c r="AW21" s="498"/>
      <c r="AX21" s="498"/>
      <c r="AY21" s="498"/>
      <c r="AZ21" s="498"/>
      <c r="BA21" s="498"/>
      <c r="BB21" s="498"/>
      <c r="BC21" s="498"/>
      <c r="BD21" s="498"/>
      <c r="BE21" s="498"/>
      <c r="BF21" s="498"/>
      <c r="BG21" s="498"/>
      <c r="BH21" s="498"/>
      <c r="BI21" s="498"/>
      <c r="BJ21" s="498"/>
      <c r="BK21" s="498"/>
      <c r="BL21" s="498"/>
      <c r="BM21" s="498"/>
      <c r="BN21" s="498"/>
      <c r="BO21" s="498"/>
      <c r="BP21" s="498"/>
      <c r="BQ21" s="498"/>
      <c r="BR21" s="498"/>
      <c r="BS21" s="498"/>
      <c r="BT21" s="498"/>
      <c r="BU21" s="498"/>
      <c r="BV21" s="498"/>
      <c r="BW21" s="498"/>
      <c r="BX21" s="498"/>
      <c r="BY21" s="498"/>
      <c r="BZ21" s="498"/>
      <c r="CA21" s="498"/>
      <c r="CB21" s="498"/>
      <c r="CC21" s="498"/>
      <c r="CD21" s="498"/>
      <c r="CE21" s="498"/>
      <c r="CF21" s="498"/>
      <c r="CG21" s="498"/>
      <c r="CH21" s="498"/>
      <c r="CI21" s="498"/>
      <c r="CJ21" s="498"/>
      <c r="CK21" s="498"/>
      <c r="CL21" s="498"/>
      <c r="CM21" s="498"/>
      <c r="CN21" s="46"/>
      <c r="CO21" s="46"/>
      <c r="CP21" s="46"/>
      <c r="CQ21" s="46"/>
    </row>
    <row r="22" spans="1:95" ht="7" customHeight="1" x14ac:dyDescent="0.55000000000000004">
      <c r="A22" s="498"/>
      <c r="B22" s="498"/>
      <c r="C22" s="498"/>
      <c r="D22" s="498"/>
      <c r="E22" s="498"/>
      <c r="F22" s="498"/>
      <c r="G22" s="498"/>
      <c r="H22" s="498"/>
      <c r="I22" s="498"/>
      <c r="J22" s="498"/>
      <c r="K22" s="498"/>
      <c r="L22" s="498"/>
      <c r="M22" s="498"/>
      <c r="N22" s="498"/>
      <c r="O22" s="498"/>
      <c r="P22" s="498"/>
      <c r="Q22" s="498"/>
      <c r="R22" s="498"/>
      <c r="S22" s="498"/>
      <c r="T22" s="498"/>
      <c r="U22" s="498"/>
      <c r="V22" s="498"/>
      <c r="W22" s="498"/>
      <c r="X22" s="498"/>
      <c r="Y22" s="498"/>
      <c r="Z22" s="498"/>
      <c r="AA22" s="498"/>
      <c r="AB22" s="498"/>
      <c r="AC22" s="498"/>
      <c r="AD22" s="498"/>
      <c r="AE22" s="498"/>
      <c r="AF22" s="498"/>
      <c r="AG22" s="498"/>
      <c r="AH22" s="498"/>
      <c r="AI22" s="498"/>
      <c r="AJ22" s="498"/>
      <c r="AK22" s="498"/>
      <c r="AL22" s="498"/>
      <c r="AM22" s="498"/>
      <c r="AN22" s="498"/>
      <c r="AO22" s="498"/>
      <c r="AP22" s="498"/>
      <c r="AQ22" s="498"/>
      <c r="AR22" s="498"/>
      <c r="AS22" s="498"/>
      <c r="AT22" s="498"/>
      <c r="AU22" s="498"/>
      <c r="AV22" s="498"/>
      <c r="AW22" s="498"/>
      <c r="AX22" s="498"/>
      <c r="AY22" s="498"/>
      <c r="AZ22" s="498"/>
      <c r="BA22" s="498"/>
      <c r="BB22" s="498"/>
      <c r="BC22" s="498"/>
      <c r="BD22" s="498"/>
      <c r="BE22" s="498"/>
      <c r="BF22" s="498"/>
      <c r="BG22" s="498"/>
      <c r="BH22" s="498"/>
      <c r="BI22" s="498"/>
      <c r="BJ22" s="498"/>
      <c r="BK22" s="498"/>
      <c r="BL22" s="498"/>
      <c r="BM22" s="498"/>
      <c r="BN22" s="498"/>
      <c r="BO22" s="498"/>
      <c r="BP22" s="498"/>
      <c r="BQ22" s="498"/>
      <c r="BR22" s="498"/>
      <c r="BS22" s="498"/>
      <c r="BT22" s="498"/>
      <c r="BU22" s="498"/>
      <c r="BV22" s="498"/>
      <c r="BW22" s="498"/>
      <c r="BX22" s="498"/>
      <c r="BY22" s="498"/>
      <c r="BZ22" s="498"/>
      <c r="CA22" s="498"/>
      <c r="CB22" s="498"/>
      <c r="CC22" s="498"/>
      <c r="CD22" s="498"/>
      <c r="CE22" s="498"/>
      <c r="CF22" s="498"/>
      <c r="CG22" s="498"/>
      <c r="CH22" s="498"/>
      <c r="CI22" s="498"/>
      <c r="CJ22" s="498"/>
      <c r="CK22" s="498"/>
      <c r="CL22" s="498"/>
      <c r="CM22" s="498"/>
      <c r="CN22" s="46"/>
      <c r="CO22" s="46"/>
      <c r="CP22" s="46"/>
      <c r="CQ22" s="46"/>
    </row>
    <row r="23" spans="1:95" ht="7" customHeight="1" x14ac:dyDescent="0.55000000000000004">
      <c r="A23" s="14"/>
      <c r="B23" s="39"/>
      <c r="C23" s="39"/>
      <c r="D23" s="39"/>
      <c r="E23" s="39"/>
      <c r="F23" s="39"/>
      <c r="G23" s="39"/>
      <c r="H23" s="12"/>
      <c r="I23" s="12"/>
      <c r="J23" s="12"/>
      <c r="K23" s="12"/>
      <c r="L23" s="12"/>
      <c r="M23" s="12"/>
      <c r="N23" s="12"/>
      <c r="O23" s="12"/>
      <c r="P23" s="12"/>
      <c r="Q23" s="12"/>
      <c r="R23" s="12"/>
      <c r="S23" s="12"/>
      <c r="T23" s="12"/>
      <c r="U23" s="12"/>
      <c r="V23" s="12"/>
      <c r="W23" s="12"/>
      <c r="X23" s="12"/>
      <c r="Y23" s="12"/>
      <c r="Z23" s="12"/>
      <c r="AA23" s="12"/>
      <c r="AB23" s="12"/>
      <c r="AC23" s="12"/>
      <c r="AD23" s="12"/>
      <c r="AE23" s="12"/>
      <c r="AF23" s="12"/>
      <c r="AG23" s="12"/>
      <c r="AH23" s="12"/>
      <c r="AI23" s="12"/>
      <c r="AJ23" s="12"/>
      <c r="AK23" s="12"/>
      <c r="AL23" s="12"/>
      <c r="AM23" s="12"/>
      <c r="AN23" s="12"/>
      <c r="AO23" s="12"/>
      <c r="AP23" s="12"/>
      <c r="AQ23" s="12"/>
      <c r="AR23" s="12"/>
      <c r="AS23" s="12"/>
      <c r="AT23" s="12"/>
      <c r="AU23" s="12"/>
      <c r="AV23" s="12"/>
      <c r="AW23" s="12"/>
      <c r="AX23" s="12"/>
      <c r="AY23" s="12"/>
      <c r="AZ23" s="12"/>
      <c r="BA23" s="12"/>
      <c r="BB23" s="12"/>
      <c r="BC23" s="12"/>
      <c r="BD23" s="12"/>
      <c r="BE23" s="12"/>
      <c r="BF23" s="12"/>
      <c r="BG23" s="12"/>
      <c r="BH23" s="12"/>
      <c r="BI23" s="14"/>
      <c r="BJ23" s="14"/>
      <c r="BK23" s="14"/>
      <c r="BL23" s="14"/>
      <c r="BM23" s="14"/>
      <c r="BN23" s="14"/>
      <c r="BO23" s="14"/>
      <c r="BP23" s="14"/>
      <c r="BQ23" s="14"/>
      <c r="BR23" s="14"/>
      <c r="BS23" s="14"/>
      <c r="BT23" s="8"/>
      <c r="BU23" s="50"/>
      <c r="BV23" s="50"/>
      <c r="BW23" s="14"/>
      <c r="BX23" s="14"/>
      <c r="BY23" s="14"/>
      <c r="BZ23" s="27"/>
      <c r="CA23" s="27"/>
      <c r="CB23" s="46"/>
      <c r="CC23" s="46"/>
      <c r="CD23" s="46"/>
      <c r="CE23" s="46"/>
      <c r="CF23" s="46"/>
      <c r="CG23" s="46"/>
      <c r="CH23" s="46"/>
      <c r="CI23" s="46"/>
      <c r="CJ23" s="46"/>
      <c r="CK23" s="46"/>
      <c r="CL23" s="46"/>
      <c r="CM23" s="46"/>
      <c r="CN23" s="46"/>
      <c r="CO23" s="46"/>
      <c r="CP23" s="46"/>
      <c r="CQ23" s="46"/>
    </row>
    <row r="24" spans="1:95" ht="7" customHeight="1" x14ac:dyDescent="0.55000000000000004">
      <c r="A24" s="14"/>
      <c r="B24" s="39"/>
      <c r="C24" s="39"/>
      <c r="D24" s="39"/>
      <c r="E24" s="39"/>
      <c r="F24" s="39"/>
      <c r="G24" s="39"/>
      <c r="H24" s="12"/>
      <c r="I24" s="12"/>
      <c r="J24" s="12"/>
      <c r="K24" s="12"/>
      <c r="L24" s="12"/>
      <c r="M24" s="12"/>
      <c r="N24" s="12"/>
      <c r="O24" s="12"/>
      <c r="P24" s="12"/>
      <c r="Q24" s="12"/>
      <c r="R24" s="12"/>
      <c r="S24" s="12"/>
      <c r="T24" s="12"/>
      <c r="U24" s="12"/>
      <c r="V24" s="12"/>
      <c r="W24" s="12"/>
      <c r="X24" s="12"/>
      <c r="Y24" s="12"/>
      <c r="Z24" s="12"/>
      <c r="AA24" s="12"/>
      <c r="AB24" s="12"/>
      <c r="AC24" s="12"/>
      <c r="AD24" s="12"/>
      <c r="AE24" s="12"/>
      <c r="AF24" s="12"/>
      <c r="AG24" s="12"/>
      <c r="AH24" s="12"/>
      <c r="AI24" s="12"/>
      <c r="AJ24" s="12"/>
      <c r="AK24" s="12"/>
      <c r="AL24" s="12"/>
      <c r="AM24" s="12"/>
      <c r="AN24" s="12"/>
      <c r="AO24" s="12"/>
      <c r="AP24" s="12"/>
      <c r="AQ24" s="12"/>
      <c r="AR24" s="12"/>
      <c r="AS24" s="12"/>
      <c r="AT24" s="12"/>
      <c r="AU24" s="12"/>
      <c r="AV24" s="12"/>
      <c r="AW24" s="12"/>
      <c r="AX24" s="12"/>
      <c r="AY24" s="12"/>
      <c r="AZ24" s="12"/>
      <c r="BA24" s="12"/>
      <c r="BB24" s="12"/>
      <c r="BC24" s="12"/>
      <c r="BD24" s="12"/>
      <c r="BE24" s="12"/>
      <c r="BF24" s="12"/>
      <c r="BG24" s="12"/>
      <c r="BH24" s="12"/>
      <c r="BI24" s="14"/>
      <c r="BJ24" s="14"/>
      <c r="BK24" s="14"/>
      <c r="BL24" s="14"/>
      <c r="BM24" s="14"/>
      <c r="BN24" s="14"/>
      <c r="BO24" s="14"/>
      <c r="BP24" s="14"/>
      <c r="BQ24" s="14"/>
      <c r="BR24" s="14"/>
      <c r="BS24" s="14"/>
      <c r="BT24" s="8"/>
      <c r="BU24" s="50"/>
      <c r="BV24" s="50"/>
      <c r="BW24" s="14"/>
      <c r="BX24" s="14"/>
      <c r="BY24" s="14"/>
      <c r="BZ24" s="27"/>
      <c r="CA24" s="27"/>
      <c r="CB24" s="46"/>
      <c r="CC24" s="46"/>
      <c r="CD24" s="46"/>
      <c r="CE24" s="46"/>
      <c r="CF24" s="46"/>
      <c r="CG24" s="46"/>
      <c r="CH24" s="46"/>
      <c r="CI24" s="46"/>
      <c r="CJ24" s="46"/>
      <c r="CK24" s="46"/>
      <c r="CL24" s="46"/>
      <c r="CM24" s="46"/>
      <c r="CN24" s="46"/>
      <c r="CO24" s="46"/>
      <c r="CP24" s="46"/>
      <c r="CQ24" s="46"/>
    </row>
    <row r="25" spans="1:95" ht="7" customHeight="1" x14ac:dyDescent="0.55000000000000004">
      <c r="A25" s="498"/>
      <c r="B25" s="498"/>
      <c r="C25" s="498"/>
      <c r="D25" s="498"/>
      <c r="E25" s="498"/>
      <c r="F25" s="498"/>
      <c r="G25" s="498"/>
      <c r="H25" s="498"/>
      <c r="I25" s="498"/>
      <c r="J25" s="498"/>
      <c r="K25" s="498"/>
      <c r="L25" s="498"/>
      <c r="M25" s="498"/>
      <c r="N25" s="498"/>
      <c r="O25" s="498"/>
      <c r="P25" s="498"/>
      <c r="Q25" s="498"/>
      <c r="R25" s="498"/>
      <c r="S25" s="498"/>
      <c r="T25" s="498"/>
      <c r="U25" s="498"/>
      <c r="V25" s="498"/>
      <c r="W25" s="498"/>
      <c r="X25" s="498"/>
      <c r="Y25" s="498"/>
      <c r="Z25" s="498"/>
      <c r="AA25" s="498"/>
      <c r="AB25" s="498"/>
      <c r="AC25" s="498"/>
      <c r="AD25" s="498"/>
      <c r="AE25" s="498"/>
      <c r="AF25" s="498"/>
      <c r="AG25" s="498"/>
      <c r="AH25" s="498"/>
      <c r="AI25" s="498"/>
      <c r="AJ25" s="498"/>
      <c r="AK25" s="498"/>
      <c r="AL25" s="498"/>
      <c r="AM25" s="498"/>
      <c r="AN25" s="498"/>
      <c r="AO25" s="498"/>
      <c r="AP25" s="498"/>
      <c r="AQ25" s="498"/>
      <c r="AR25" s="498"/>
      <c r="AS25" s="498"/>
      <c r="AT25" s="498"/>
      <c r="AU25" s="498"/>
      <c r="AV25" s="498"/>
      <c r="AW25" s="498"/>
      <c r="AX25" s="498"/>
      <c r="AY25" s="498"/>
      <c r="AZ25" s="498"/>
      <c r="BA25" s="498"/>
      <c r="BB25" s="498"/>
      <c r="BC25" s="498"/>
      <c r="BD25" s="498"/>
      <c r="BE25" s="498"/>
      <c r="BF25" s="498"/>
      <c r="BG25" s="498"/>
      <c r="BH25" s="498"/>
      <c r="BI25" s="498"/>
      <c r="BJ25" s="498"/>
      <c r="BK25" s="498"/>
      <c r="BL25" s="498"/>
      <c r="BM25" s="498"/>
      <c r="BN25" s="498"/>
      <c r="BO25" s="498"/>
      <c r="BP25" s="498"/>
      <c r="BQ25" s="498"/>
      <c r="BR25" s="498"/>
      <c r="BS25" s="498"/>
      <c r="BT25" s="498"/>
      <c r="BU25" s="50"/>
      <c r="BV25" s="50"/>
      <c r="BW25" s="14"/>
      <c r="BX25" s="14"/>
      <c r="BY25" s="14"/>
      <c r="BZ25" s="27"/>
      <c r="CA25" s="27"/>
      <c r="CB25" s="46"/>
      <c r="CC25" s="46"/>
      <c r="CD25" s="46"/>
      <c r="CE25" s="46"/>
      <c r="CF25" s="46"/>
      <c r="CG25" s="46"/>
      <c r="CH25" s="46"/>
      <c r="CI25" s="46"/>
      <c r="CJ25" s="46"/>
      <c r="CK25" s="46"/>
      <c r="CL25" s="46"/>
      <c r="CM25" s="46"/>
      <c r="CN25" s="46"/>
      <c r="CO25" s="46"/>
      <c r="CP25" s="46"/>
      <c r="CQ25" s="46"/>
    </row>
    <row r="26" spans="1:95" ht="7" customHeight="1" x14ac:dyDescent="0.55000000000000004">
      <c r="A26" s="14"/>
      <c r="B26" s="39"/>
      <c r="C26" s="39"/>
      <c r="D26" s="39"/>
      <c r="E26" s="39"/>
      <c r="F26" s="39"/>
      <c r="G26" s="39"/>
      <c r="H26" s="12"/>
      <c r="I26" s="12"/>
      <c r="J26" s="12"/>
      <c r="K26" s="12"/>
      <c r="L26" s="12"/>
      <c r="M26" s="12"/>
      <c r="N26" s="12"/>
      <c r="O26" s="12"/>
      <c r="P26" s="12"/>
      <c r="Q26" s="12"/>
      <c r="R26" s="12"/>
      <c r="S26" s="12"/>
      <c r="T26" s="12"/>
      <c r="U26" s="12"/>
      <c r="V26" s="12"/>
      <c r="W26" s="12"/>
      <c r="X26" s="12"/>
      <c r="Y26" s="12"/>
      <c r="Z26" s="12"/>
      <c r="AA26" s="12"/>
      <c r="AB26" s="12"/>
      <c r="AC26" s="12"/>
      <c r="AD26" s="12"/>
      <c r="AE26" s="12"/>
      <c r="AF26" s="12"/>
      <c r="AG26" s="12"/>
      <c r="AH26" s="12"/>
      <c r="AI26" s="12"/>
      <c r="AJ26" s="12"/>
      <c r="AK26" s="12"/>
      <c r="AL26" s="12"/>
      <c r="AM26" s="12"/>
      <c r="AN26" s="12"/>
      <c r="AO26" s="12"/>
      <c r="AP26" s="12"/>
      <c r="AQ26" s="12"/>
      <c r="AR26" s="12"/>
      <c r="AS26" s="12"/>
      <c r="AT26" s="12"/>
      <c r="AU26" s="12"/>
      <c r="AV26" s="12"/>
      <c r="AW26" s="12"/>
      <c r="AX26" s="12"/>
      <c r="AY26" s="12"/>
      <c r="AZ26" s="12"/>
      <c r="BA26" s="12"/>
      <c r="BB26" s="12"/>
      <c r="BC26" s="12"/>
      <c r="BD26" s="12"/>
      <c r="BE26" s="12"/>
      <c r="BF26" s="12"/>
      <c r="BG26" s="12"/>
      <c r="BH26" s="12"/>
      <c r="BI26" s="14"/>
      <c r="BJ26" s="14"/>
      <c r="BK26" s="14"/>
      <c r="BL26" s="14"/>
      <c r="BM26" s="14"/>
      <c r="BN26" s="14"/>
      <c r="BO26" s="14"/>
      <c r="BP26" s="14"/>
      <c r="BQ26" s="14"/>
      <c r="BR26" s="14"/>
      <c r="BS26" s="14"/>
      <c r="BT26" s="8"/>
      <c r="BU26" s="50"/>
      <c r="BV26" s="50"/>
      <c r="BW26" s="14"/>
      <c r="BX26" s="14"/>
      <c r="BY26" s="14"/>
      <c r="BZ26" s="27"/>
      <c r="CA26" s="27"/>
      <c r="CB26" s="46"/>
      <c r="CC26" s="46"/>
      <c r="CD26" s="46"/>
      <c r="CE26" s="46"/>
      <c r="CF26" s="46"/>
      <c r="CG26" s="46"/>
      <c r="CH26" s="46"/>
      <c r="CI26" s="46"/>
      <c r="CJ26" s="46"/>
      <c r="CK26" s="46"/>
      <c r="CL26" s="46"/>
      <c r="CM26" s="46"/>
      <c r="CN26" s="46"/>
      <c r="CO26" s="46"/>
      <c r="CP26" s="46"/>
      <c r="CQ26" s="46"/>
    </row>
    <row r="27" spans="1:95" ht="20.5" customHeight="1" x14ac:dyDescent="0.55000000000000004">
      <c r="A27" s="501" t="s">
        <v>61</v>
      </c>
      <c r="B27" s="501"/>
      <c r="C27" s="501"/>
      <c r="D27" s="501"/>
      <c r="E27" s="501"/>
      <c r="F27" s="501"/>
      <c r="G27" s="501"/>
      <c r="H27" s="501"/>
      <c r="I27" s="501"/>
      <c r="J27" s="501"/>
      <c r="K27" s="501"/>
      <c r="L27" s="501"/>
      <c r="M27" s="501"/>
      <c r="N27" s="501"/>
      <c r="O27" s="501"/>
      <c r="P27" s="501"/>
      <c r="Q27" s="501"/>
      <c r="R27" s="501"/>
      <c r="S27" s="501"/>
      <c r="T27" s="501"/>
      <c r="U27" s="501"/>
      <c r="V27" s="501"/>
      <c r="W27" s="501"/>
      <c r="X27" s="501"/>
      <c r="Y27" s="501"/>
      <c r="Z27" s="501"/>
      <c r="AA27" s="501"/>
      <c r="AB27" s="501"/>
      <c r="AC27" s="501"/>
      <c r="AD27" s="501"/>
      <c r="AE27" s="501"/>
      <c r="AF27" s="501"/>
      <c r="AG27" s="501"/>
      <c r="AH27" s="501"/>
      <c r="AI27" s="501"/>
      <c r="AJ27" s="501"/>
      <c r="AK27" s="501"/>
      <c r="AL27" s="501"/>
      <c r="AM27" s="501"/>
      <c r="AN27" s="501"/>
      <c r="AO27" s="501"/>
      <c r="AP27" s="501"/>
      <c r="AQ27" s="501"/>
      <c r="AR27" s="501"/>
      <c r="AS27" s="501"/>
      <c r="AT27" s="501"/>
      <c r="AU27" s="501"/>
      <c r="AV27" s="501"/>
      <c r="AW27" s="501"/>
      <c r="AX27" s="501"/>
      <c r="AY27" s="501"/>
      <c r="AZ27" s="501"/>
      <c r="BA27" s="501"/>
      <c r="BB27" s="501"/>
      <c r="BC27" s="501"/>
      <c r="BD27" s="501"/>
      <c r="BE27" s="501"/>
      <c r="BF27" s="501"/>
      <c r="BG27" s="501"/>
      <c r="BH27" s="501"/>
      <c r="BI27" s="501"/>
      <c r="BJ27" s="501"/>
      <c r="BK27" s="501"/>
      <c r="BL27" s="501"/>
      <c r="BM27" s="501"/>
      <c r="BN27" s="501"/>
      <c r="BO27" s="501"/>
      <c r="BP27" s="501"/>
      <c r="BQ27" s="501"/>
      <c r="BR27" s="501"/>
      <c r="BS27" s="501"/>
      <c r="BT27" s="501"/>
      <c r="BU27" s="501"/>
      <c r="BV27" s="501"/>
      <c r="BW27" s="501"/>
      <c r="BX27" s="501"/>
      <c r="BY27" s="501"/>
      <c r="BZ27" s="501"/>
      <c r="CA27" s="501"/>
      <c r="CB27" s="501"/>
      <c r="CC27" s="501"/>
      <c r="CD27" s="501"/>
      <c r="CE27" s="501"/>
      <c r="CF27" s="501"/>
      <c r="CG27" s="501"/>
      <c r="CH27" s="501"/>
      <c r="CI27" s="501"/>
      <c r="CJ27" s="501"/>
      <c r="CK27" s="501"/>
      <c r="CL27" s="501"/>
      <c r="CM27" s="501"/>
      <c r="CN27" s="501"/>
      <c r="CO27" s="501"/>
      <c r="CP27" s="501"/>
      <c r="CQ27" s="501"/>
    </row>
    <row r="28" spans="1:95" ht="20.5" customHeight="1" x14ac:dyDescent="0.55000000000000004">
      <c r="A28" s="501"/>
      <c r="B28" s="501"/>
      <c r="C28" s="501"/>
      <c r="D28" s="501"/>
      <c r="E28" s="501"/>
      <c r="F28" s="501"/>
      <c r="G28" s="501"/>
      <c r="H28" s="501"/>
      <c r="I28" s="501"/>
      <c r="J28" s="501"/>
      <c r="K28" s="501"/>
      <c r="L28" s="501"/>
      <c r="M28" s="501"/>
      <c r="N28" s="501"/>
      <c r="O28" s="501"/>
      <c r="P28" s="501"/>
      <c r="Q28" s="501"/>
      <c r="R28" s="501"/>
      <c r="S28" s="501"/>
      <c r="T28" s="501"/>
      <c r="U28" s="501"/>
      <c r="V28" s="501"/>
      <c r="W28" s="501"/>
      <c r="X28" s="501"/>
      <c r="Y28" s="501"/>
      <c r="Z28" s="501"/>
      <c r="AA28" s="501"/>
      <c r="AB28" s="501"/>
      <c r="AC28" s="501"/>
      <c r="AD28" s="501"/>
      <c r="AE28" s="501"/>
      <c r="AF28" s="501"/>
      <c r="AG28" s="501"/>
      <c r="AH28" s="501"/>
      <c r="AI28" s="501"/>
      <c r="AJ28" s="501"/>
      <c r="AK28" s="501"/>
      <c r="AL28" s="501"/>
      <c r="AM28" s="501"/>
      <c r="AN28" s="501"/>
      <c r="AO28" s="501"/>
      <c r="AP28" s="501"/>
      <c r="AQ28" s="501"/>
      <c r="AR28" s="501"/>
      <c r="AS28" s="501"/>
      <c r="AT28" s="501"/>
      <c r="AU28" s="501"/>
      <c r="AV28" s="501"/>
      <c r="AW28" s="501"/>
      <c r="AX28" s="501"/>
      <c r="AY28" s="501"/>
      <c r="AZ28" s="501"/>
      <c r="BA28" s="501"/>
      <c r="BB28" s="501"/>
      <c r="BC28" s="501"/>
      <c r="BD28" s="501"/>
      <c r="BE28" s="501"/>
      <c r="BF28" s="501"/>
      <c r="BG28" s="501"/>
      <c r="BH28" s="501"/>
      <c r="BI28" s="501"/>
      <c r="BJ28" s="501"/>
      <c r="BK28" s="501"/>
      <c r="BL28" s="501"/>
      <c r="BM28" s="501"/>
      <c r="BN28" s="501"/>
      <c r="BO28" s="501"/>
      <c r="BP28" s="501"/>
      <c r="BQ28" s="501"/>
      <c r="BR28" s="501"/>
      <c r="BS28" s="501"/>
      <c r="BT28" s="501"/>
      <c r="BU28" s="501"/>
      <c r="BV28" s="501"/>
      <c r="BW28" s="501"/>
      <c r="BX28" s="501"/>
      <c r="BY28" s="501"/>
      <c r="BZ28" s="501"/>
      <c r="CA28" s="501"/>
      <c r="CB28" s="501"/>
      <c r="CC28" s="501"/>
      <c r="CD28" s="501"/>
      <c r="CE28" s="501"/>
      <c r="CF28" s="501"/>
      <c r="CG28" s="501"/>
      <c r="CH28" s="501"/>
      <c r="CI28" s="501"/>
      <c r="CJ28" s="501"/>
      <c r="CK28" s="501"/>
      <c r="CL28" s="501"/>
      <c r="CM28" s="501"/>
      <c r="CN28" s="501"/>
      <c r="CO28" s="501"/>
      <c r="CP28" s="501"/>
      <c r="CQ28" s="501"/>
    </row>
    <row r="29" spans="1:95" ht="20.5" customHeight="1" x14ac:dyDescent="0.55000000000000004">
      <c r="A29" s="72"/>
      <c r="B29" s="72"/>
      <c r="C29" s="72"/>
      <c r="D29" s="72"/>
      <c r="E29" s="72"/>
      <c r="F29" s="72"/>
      <c r="G29" s="72"/>
      <c r="H29" s="72"/>
      <c r="I29" s="72"/>
      <c r="J29" s="72"/>
      <c r="K29" s="72"/>
      <c r="L29" s="72"/>
      <c r="M29" s="72"/>
      <c r="N29" s="72"/>
      <c r="O29" s="72"/>
      <c r="P29" s="72"/>
      <c r="Q29" s="72"/>
      <c r="R29" s="72"/>
      <c r="S29" s="72"/>
      <c r="T29" s="72"/>
      <c r="U29" s="72"/>
      <c r="V29" s="72"/>
      <c r="W29" s="72"/>
      <c r="X29" s="72"/>
      <c r="Y29" s="72"/>
      <c r="Z29" s="72"/>
      <c r="AA29" s="72"/>
      <c r="AB29" s="72"/>
      <c r="AC29" s="72"/>
      <c r="AD29" s="72"/>
      <c r="AE29" s="72"/>
      <c r="AF29" s="72"/>
      <c r="AG29" s="72"/>
      <c r="AH29" s="72"/>
      <c r="AI29" s="72"/>
      <c r="AJ29" s="72"/>
      <c r="AK29" s="72"/>
      <c r="AL29" s="72"/>
      <c r="AM29" s="72"/>
      <c r="AN29" s="72"/>
      <c r="AO29" s="72"/>
      <c r="AP29" s="72"/>
      <c r="AQ29" s="72"/>
      <c r="AR29" s="72"/>
      <c r="AS29" s="72"/>
      <c r="AT29" s="72"/>
      <c r="AU29" s="72"/>
      <c r="AV29" s="72"/>
      <c r="AW29" s="72"/>
      <c r="AX29" s="72"/>
      <c r="AY29" s="72"/>
      <c r="AZ29" s="72"/>
      <c r="BA29" s="72"/>
      <c r="BB29" s="72"/>
      <c r="BC29" s="72"/>
      <c r="BD29" s="72"/>
      <c r="BE29" s="72"/>
      <c r="BF29" s="72"/>
      <c r="BG29" s="72"/>
      <c r="BH29" s="72"/>
      <c r="BI29" s="72"/>
      <c r="BJ29" s="72"/>
      <c r="BK29" s="72"/>
      <c r="BL29" s="72"/>
      <c r="BM29" s="72"/>
      <c r="BN29" s="72"/>
      <c r="BO29" s="72"/>
      <c r="BP29" s="72"/>
      <c r="BQ29" s="72"/>
      <c r="BR29" s="72"/>
      <c r="BS29" s="72"/>
      <c r="BT29" s="72"/>
      <c r="BU29" s="50"/>
      <c r="BV29" s="50"/>
      <c r="BW29" s="14"/>
      <c r="BX29" s="14"/>
      <c r="BY29" s="14"/>
      <c r="BZ29" s="27"/>
      <c r="CA29" s="27"/>
      <c r="CB29" s="46"/>
      <c r="CC29" s="46"/>
      <c r="CD29" s="46"/>
      <c r="CE29" s="46"/>
      <c r="CF29" s="46"/>
      <c r="CG29" s="46"/>
      <c r="CH29" s="46"/>
      <c r="CI29" s="46"/>
      <c r="CJ29" s="46"/>
      <c r="CK29" s="46"/>
      <c r="CL29" s="46"/>
      <c r="CM29" s="46"/>
      <c r="CN29" s="46"/>
      <c r="CO29" s="46"/>
      <c r="CP29" s="46"/>
      <c r="CQ29" s="46"/>
    </row>
    <row r="30" spans="1:95" ht="20.5" customHeight="1" x14ac:dyDescent="0.55000000000000004">
      <c r="A30" s="496" t="s">
        <v>62</v>
      </c>
      <c r="B30" s="496"/>
      <c r="C30" s="496"/>
      <c r="D30" s="496"/>
      <c r="E30" s="496"/>
      <c r="F30" s="496"/>
      <c r="G30" s="496"/>
      <c r="H30" s="496"/>
      <c r="I30" s="496"/>
      <c r="J30" s="496"/>
      <c r="K30" s="496"/>
      <c r="L30" s="496"/>
      <c r="M30" s="496"/>
      <c r="N30" s="496"/>
      <c r="O30" s="496"/>
      <c r="P30" s="496"/>
      <c r="Q30" s="496"/>
      <c r="R30" s="496"/>
      <c r="S30" s="496"/>
      <c r="T30" s="496"/>
      <c r="U30" s="496"/>
      <c r="V30" s="496"/>
      <c r="W30" s="496"/>
      <c r="X30" s="496"/>
      <c r="Y30" s="496"/>
      <c r="Z30" s="496"/>
      <c r="AA30" s="496"/>
      <c r="AB30" s="496"/>
      <c r="AC30" s="496"/>
      <c r="AD30" s="496"/>
      <c r="AE30" s="496"/>
      <c r="AF30" s="496"/>
      <c r="AG30" s="496"/>
      <c r="AH30" s="496"/>
      <c r="AI30" s="496"/>
      <c r="AJ30" s="496"/>
      <c r="AK30" s="496"/>
      <c r="AL30" s="496"/>
      <c r="AM30" s="496"/>
      <c r="AN30" s="496"/>
      <c r="AO30" s="496"/>
      <c r="AP30" s="496"/>
      <c r="AQ30" s="496"/>
      <c r="AR30" s="496"/>
      <c r="AS30" s="496"/>
      <c r="AT30" s="496"/>
      <c r="AU30" s="496"/>
      <c r="AV30" s="496"/>
      <c r="AW30" s="496"/>
      <c r="AX30" s="496"/>
      <c r="AY30" s="496"/>
      <c r="AZ30" s="496"/>
      <c r="BA30" s="496"/>
      <c r="BB30" s="496"/>
      <c r="BC30" s="496"/>
      <c r="BD30" s="496"/>
      <c r="BE30" s="496"/>
      <c r="BF30" s="496"/>
      <c r="BG30" s="496"/>
      <c r="BH30" s="496"/>
      <c r="BI30" s="496"/>
      <c r="BJ30" s="496"/>
      <c r="BK30" s="496"/>
      <c r="BL30" s="496"/>
      <c r="BM30" s="496"/>
      <c r="BN30" s="496"/>
      <c r="BO30" s="496"/>
      <c r="BP30" s="496"/>
      <c r="BQ30" s="496"/>
      <c r="BR30" s="496"/>
      <c r="BS30" s="496"/>
      <c r="BT30" s="496"/>
      <c r="BU30" s="496"/>
      <c r="BV30" s="496"/>
      <c r="BW30" s="496"/>
      <c r="BX30" s="496"/>
      <c r="BY30" s="496"/>
      <c r="BZ30" s="496"/>
      <c r="CA30" s="496"/>
      <c r="CB30" s="496"/>
      <c r="CC30" s="496"/>
      <c r="CD30" s="496"/>
      <c r="CE30" s="496"/>
      <c r="CF30" s="496"/>
      <c r="CG30" s="496"/>
      <c r="CH30" s="496"/>
      <c r="CI30" s="496"/>
      <c r="CJ30" s="496"/>
      <c r="CK30" s="496"/>
      <c r="CL30" s="496"/>
      <c r="CM30" s="496"/>
      <c r="CN30" s="496"/>
      <c r="CO30" s="496"/>
      <c r="CP30" s="496"/>
      <c r="CQ30" s="496"/>
    </row>
    <row r="31" spans="1:95" ht="20.5" customHeight="1" x14ac:dyDescent="0.55000000000000004">
      <c r="A31" s="496" t="s">
        <v>63</v>
      </c>
      <c r="B31" s="496"/>
      <c r="C31" s="496"/>
      <c r="D31" s="496"/>
      <c r="E31" s="496"/>
      <c r="F31" s="496"/>
      <c r="G31" s="496"/>
      <c r="H31" s="496"/>
      <c r="I31" s="496"/>
      <c r="J31" s="496"/>
      <c r="K31" s="496"/>
      <c r="L31" s="496"/>
      <c r="M31" s="496"/>
      <c r="N31" s="496"/>
      <c r="O31" s="496"/>
      <c r="P31" s="496"/>
      <c r="Q31" s="496"/>
      <c r="R31" s="496"/>
      <c r="S31" s="496"/>
      <c r="T31" s="496"/>
      <c r="U31" s="496"/>
      <c r="V31" s="496"/>
      <c r="W31" s="496"/>
      <c r="X31" s="496"/>
      <c r="Y31" s="496"/>
      <c r="Z31" s="496"/>
      <c r="AA31" s="496"/>
      <c r="AB31" s="496"/>
      <c r="AC31" s="496"/>
      <c r="AD31" s="496"/>
      <c r="AE31" s="496"/>
      <c r="AF31" s="496"/>
      <c r="AG31" s="496"/>
      <c r="AH31" s="496"/>
      <c r="AI31" s="496"/>
      <c r="AJ31" s="496"/>
      <c r="AK31" s="496"/>
      <c r="AL31" s="496"/>
      <c r="AM31" s="496"/>
      <c r="AN31" s="496"/>
      <c r="AO31" s="496"/>
      <c r="AP31" s="496"/>
      <c r="AQ31" s="496"/>
      <c r="AR31" s="496"/>
      <c r="AS31" s="496"/>
      <c r="AT31" s="496"/>
      <c r="AU31" s="496"/>
      <c r="AV31" s="496"/>
      <c r="AW31" s="496"/>
      <c r="AX31" s="496"/>
      <c r="AY31" s="496"/>
      <c r="AZ31" s="496"/>
      <c r="BA31" s="496"/>
      <c r="BB31" s="496"/>
      <c r="BC31" s="496"/>
      <c r="BD31" s="496"/>
      <c r="BE31" s="496"/>
      <c r="BF31" s="496"/>
      <c r="BG31" s="496"/>
      <c r="BH31" s="496"/>
      <c r="BI31" s="496"/>
      <c r="BJ31" s="496"/>
      <c r="BK31" s="496"/>
      <c r="BL31" s="496"/>
      <c r="BM31" s="496"/>
      <c r="BN31" s="496"/>
      <c r="BO31" s="496"/>
      <c r="BP31" s="496"/>
      <c r="BQ31" s="496"/>
      <c r="BR31" s="496"/>
      <c r="BS31" s="496"/>
      <c r="BT31" s="496"/>
      <c r="BU31" s="496"/>
      <c r="BV31" s="496"/>
      <c r="BW31" s="496"/>
      <c r="BX31" s="496"/>
      <c r="BY31" s="496"/>
      <c r="BZ31" s="496"/>
      <c r="CA31" s="496"/>
      <c r="CB31" s="496"/>
      <c r="CC31" s="496"/>
      <c r="CD31" s="496"/>
      <c r="CE31" s="496"/>
      <c r="CF31" s="496"/>
      <c r="CG31" s="496"/>
      <c r="CH31" s="496"/>
      <c r="CI31" s="496"/>
      <c r="CJ31" s="496"/>
      <c r="CK31" s="496"/>
      <c r="CL31" s="496"/>
      <c r="CM31" s="496"/>
      <c r="CN31" s="496"/>
      <c r="CO31" s="496"/>
      <c r="CP31" s="176"/>
      <c r="CQ31" s="176"/>
    </row>
    <row r="32" spans="1:95" ht="20.5" customHeight="1" x14ac:dyDescent="0.55000000000000004">
      <c r="A32" s="496" t="s">
        <v>64</v>
      </c>
      <c r="B32" s="496"/>
      <c r="C32" s="496"/>
      <c r="D32" s="496"/>
      <c r="E32" s="496"/>
      <c r="F32" s="496"/>
      <c r="G32" s="496"/>
      <c r="H32" s="496"/>
      <c r="I32" s="496"/>
      <c r="J32" s="496"/>
      <c r="K32" s="496"/>
      <c r="L32" s="496"/>
      <c r="M32" s="496"/>
      <c r="N32" s="496"/>
      <c r="O32" s="496"/>
      <c r="P32" s="496"/>
      <c r="Q32" s="496"/>
      <c r="R32" s="496"/>
      <c r="S32" s="496"/>
      <c r="T32" s="496"/>
      <c r="U32" s="496"/>
      <c r="V32" s="496"/>
      <c r="W32" s="496"/>
      <c r="X32" s="496"/>
      <c r="Y32" s="496"/>
      <c r="Z32" s="496"/>
      <c r="AA32" s="496"/>
      <c r="AB32" s="496"/>
      <c r="AC32" s="496"/>
      <c r="AD32" s="496"/>
      <c r="AE32" s="496"/>
      <c r="AF32" s="496"/>
      <c r="AG32" s="496"/>
      <c r="AH32" s="496"/>
      <c r="AI32" s="496"/>
      <c r="AJ32" s="496"/>
      <c r="AK32" s="496"/>
      <c r="AL32" s="496"/>
      <c r="AM32" s="496"/>
      <c r="AN32" s="496"/>
      <c r="AO32" s="496"/>
      <c r="AP32" s="496"/>
      <c r="AQ32" s="496"/>
      <c r="AR32" s="496"/>
      <c r="AS32" s="496"/>
      <c r="AT32" s="496"/>
      <c r="AU32" s="496"/>
      <c r="AV32" s="496"/>
      <c r="AW32" s="496"/>
      <c r="AX32" s="496"/>
      <c r="AY32" s="496"/>
      <c r="AZ32" s="496"/>
      <c r="BA32" s="496"/>
      <c r="BB32" s="496"/>
      <c r="BC32" s="496"/>
      <c r="BD32" s="496"/>
      <c r="BE32" s="496"/>
      <c r="BF32" s="496"/>
      <c r="BG32" s="496"/>
      <c r="BH32" s="496"/>
      <c r="BI32" s="496"/>
      <c r="BJ32" s="496"/>
      <c r="BK32" s="496"/>
      <c r="BL32" s="496"/>
      <c r="BM32" s="496"/>
      <c r="BN32" s="496"/>
      <c r="BO32" s="496"/>
      <c r="BP32" s="496"/>
      <c r="BQ32" s="496"/>
      <c r="BR32" s="496"/>
      <c r="BS32" s="496"/>
      <c r="BT32" s="496"/>
      <c r="BU32" s="496"/>
      <c r="BV32" s="496"/>
      <c r="BW32" s="496"/>
      <c r="BX32" s="496"/>
      <c r="BY32" s="496"/>
      <c r="BZ32" s="496"/>
      <c r="CA32" s="496"/>
      <c r="CB32" s="496"/>
      <c r="CC32" s="496"/>
      <c r="CD32" s="496"/>
      <c r="CE32" s="496"/>
      <c r="CF32" s="496"/>
      <c r="CG32" s="496"/>
      <c r="CH32" s="496"/>
      <c r="CI32" s="496"/>
      <c r="CJ32" s="496"/>
      <c r="CK32" s="496"/>
      <c r="CL32" s="496"/>
      <c r="CM32" s="496"/>
      <c r="CN32" s="496"/>
      <c r="CO32" s="496"/>
      <c r="CP32" s="496"/>
      <c r="CQ32" s="496"/>
    </row>
    <row r="33" spans="1:95" ht="20.5" customHeight="1" x14ac:dyDescent="0.55000000000000004">
      <c r="A33" s="502"/>
      <c r="B33" s="502"/>
      <c r="C33" s="502"/>
      <c r="D33" s="502"/>
      <c r="E33" s="502"/>
      <c r="F33" s="502"/>
      <c r="G33" s="502"/>
      <c r="H33" s="502"/>
      <c r="I33" s="502"/>
      <c r="J33" s="502"/>
      <c r="K33" s="502"/>
      <c r="L33" s="502"/>
      <c r="M33" s="502"/>
      <c r="N33" s="502"/>
      <c r="O33" s="502"/>
      <c r="P33" s="502"/>
      <c r="Q33" s="502"/>
      <c r="R33" s="502"/>
      <c r="S33" s="502"/>
      <c r="T33" s="502"/>
      <c r="U33" s="502"/>
      <c r="V33" s="502"/>
      <c r="W33" s="502"/>
      <c r="X33" s="502"/>
      <c r="Y33" s="502"/>
      <c r="Z33" s="502"/>
      <c r="AA33" s="502"/>
      <c r="AB33" s="502"/>
      <c r="AC33" s="502"/>
      <c r="AD33" s="502"/>
      <c r="AE33" s="502"/>
      <c r="AF33" s="502"/>
      <c r="AG33" s="502"/>
      <c r="AH33" s="502"/>
      <c r="AI33" s="502"/>
      <c r="AJ33" s="502"/>
      <c r="AK33" s="502"/>
      <c r="AL33" s="502"/>
      <c r="AM33" s="502"/>
      <c r="AN33" s="502"/>
      <c r="AO33" s="502"/>
      <c r="AP33" s="502"/>
      <c r="AQ33" s="502"/>
      <c r="AR33" s="502"/>
      <c r="AS33" s="502"/>
      <c r="AT33" s="502"/>
      <c r="AU33" s="502"/>
      <c r="AV33" s="502"/>
      <c r="AW33" s="502"/>
      <c r="AX33" s="502"/>
      <c r="AY33" s="502"/>
      <c r="AZ33" s="502"/>
      <c r="BA33" s="502"/>
      <c r="BB33" s="502"/>
      <c r="BC33" s="502"/>
      <c r="BD33" s="502"/>
      <c r="BE33" s="502"/>
      <c r="BF33" s="502"/>
      <c r="BG33" s="502"/>
      <c r="BH33" s="502"/>
      <c r="BI33" s="502"/>
      <c r="BJ33" s="502"/>
      <c r="BK33" s="502"/>
      <c r="BL33" s="502"/>
      <c r="BM33" s="502"/>
      <c r="BN33" s="502"/>
      <c r="BO33" s="502"/>
      <c r="BP33" s="502"/>
      <c r="BQ33" s="502"/>
      <c r="BR33" s="502"/>
      <c r="BS33" s="502"/>
      <c r="BT33" s="502"/>
      <c r="BU33" s="50"/>
      <c r="BV33" s="50"/>
      <c r="BW33" s="14"/>
      <c r="BX33" s="14"/>
      <c r="BY33" s="14"/>
      <c r="BZ33" s="27"/>
      <c r="CA33" s="27"/>
      <c r="CB33" s="46"/>
      <c r="CC33" s="46"/>
      <c r="CD33" s="46"/>
      <c r="CE33" s="46"/>
      <c r="CF33" s="46"/>
      <c r="CG33" s="46"/>
      <c r="CH33" s="46"/>
      <c r="CI33" s="46"/>
      <c r="CJ33" s="46"/>
      <c r="CK33" s="46"/>
      <c r="CL33" s="46"/>
      <c r="CM33" s="46"/>
      <c r="CN33" s="46"/>
      <c r="CO33" s="46"/>
      <c r="CP33" s="46"/>
      <c r="CQ33" s="46"/>
    </row>
    <row r="34" spans="1:95" ht="20.5" customHeight="1" x14ac:dyDescent="0.55000000000000004">
      <c r="A34" s="496" t="s">
        <v>65</v>
      </c>
      <c r="B34" s="496"/>
      <c r="C34" s="496"/>
      <c r="D34" s="496"/>
      <c r="E34" s="496"/>
      <c r="F34" s="496"/>
      <c r="G34" s="496"/>
      <c r="H34" s="496"/>
      <c r="I34" s="496"/>
      <c r="J34" s="496"/>
      <c r="K34" s="496"/>
      <c r="L34" s="496"/>
      <c r="M34" s="496"/>
      <c r="N34" s="496"/>
      <c r="O34" s="496"/>
      <c r="P34" s="496"/>
      <c r="Q34" s="496"/>
      <c r="R34" s="496"/>
      <c r="S34" s="496"/>
      <c r="T34" s="496"/>
      <c r="U34" s="496"/>
      <c r="V34" s="496"/>
      <c r="W34" s="496"/>
      <c r="X34" s="496"/>
      <c r="Y34" s="496"/>
      <c r="Z34" s="496"/>
      <c r="AA34" s="496"/>
      <c r="AB34" s="496"/>
      <c r="AC34" s="496"/>
      <c r="AD34" s="496"/>
      <c r="AE34" s="496"/>
      <c r="AF34" s="496"/>
      <c r="AG34" s="496"/>
      <c r="AH34" s="496"/>
      <c r="AI34" s="496"/>
      <c r="AJ34" s="496"/>
      <c r="AK34" s="496"/>
      <c r="AL34" s="496"/>
      <c r="AM34" s="496"/>
      <c r="AN34" s="496"/>
      <c r="AO34" s="496"/>
      <c r="AP34" s="496"/>
      <c r="AQ34" s="496"/>
      <c r="AR34" s="496"/>
      <c r="AS34" s="496"/>
      <c r="AT34" s="496"/>
      <c r="AU34" s="496"/>
      <c r="AV34" s="496"/>
      <c r="AW34" s="496"/>
      <c r="AX34" s="496"/>
      <c r="AY34" s="496"/>
      <c r="AZ34" s="496"/>
      <c r="BA34" s="496"/>
      <c r="BB34" s="496"/>
      <c r="BC34" s="496"/>
      <c r="BD34" s="496"/>
      <c r="BE34" s="496"/>
      <c r="BF34" s="496"/>
      <c r="BG34" s="496"/>
      <c r="BH34" s="496"/>
      <c r="BI34" s="496"/>
      <c r="BJ34" s="496"/>
      <c r="BK34" s="496"/>
      <c r="BL34" s="496"/>
      <c r="BM34" s="496"/>
      <c r="BN34" s="496"/>
      <c r="BO34" s="496"/>
      <c r="BP34" s="496"/>
      <c r="BQ34" s="496"/>
      <c r="BR34" s="496"/>
      <c r="BS34" s="496"/>
      <c r="BT34" s="496"/>
      <c r="BU34" s="496"/>
      <c r="BV34" s="496"/>
      <c r="BW34" s="496"/>
      <c r="BX34" s="496"/>
      <c r="BY34" s="496"/>
      <c r="BZ34" s="496"/>
      <c r="CA34" s="496"/>
      <c r="CB34" s="496"/>
      <c r="CC34" s="496"/>
      <c r="CD34" s="496"/>
      <c r="CE34" s="496"/>
      <c r="CF34" s="496"/>
      <c r="CG34" s="496"/>
      <c r="CH34" s="496"/>
      <c r="CI34" s="496"/>
      <c r="CJ34" s="496"/>
      <c r="CK34" s="496"/>
      <c r="CL34" s="496"/>
      <c r="CM34" s="496"/>
      <c r="CN34" s="496"/>
      <c r="CO34" s="496"/>
      <c r="CP34" s="496"/>
      <c r="CQ34" s="176"/>
    </row>
    <row r="35" spans="1:95" ht="20.5" customHeight="1" x14ac:dyDescent="0.55000000000000004">
      <c r="A35" s="496" t="s">
        <v>66</v>
      </c>
      <c r="B35" s="496"/>
      <c r="C35" s="496"/>
      <c r="D35" s="496"/>
      <c r="E35" s="496"/>
      <c r="F35" s="496"/>
      <c r="G35" s="496"/>
      <c r="H35" s="496"/>
      <c r="I35" s="496"/>
      <c r="J35" s="496"/>
      <c r="K35" s="496"/>
      <c r="L35" s="496"/>
      <c r="M35" s="496"/>
      <c r="N35" s="496"/>
      <c r="O35" s="496"/>
      <c r="P35" s="496"/>
      <c r="Q35" s="496"/>
      <c r="R35" s="496"/>
      <c r="S35" s="496"/>
      <c r="T35" s="496"/>
      <c r="U35" s="496"/>
      <c r="V35" s="496"/>
      <c r="W35" s="496"/>
      <c r="X35" s="496"/>
      <c r="Y35" s="496"/>
      <c r="Z35" s="496"/>
      <c r="AA35" s="496"/>
      <c r="AB35" s="496"/>
      <c r="AC35" s="496"/>
      <c r="AD35" s="496"/>
      <c r="AE35" s="496"/>
      <c r="AF35" s="496"/>
      <c r="AG35" s="496"/>
      <c r="AH35" s="496"/>
      <c r="AI35" s="496"/>
      <c r="AJ35" s="496"/>
      <c r="AK35" s="496"/>
      <c r="AL35" s="496"/>
      <c r="AM35" s="496"/>
      <c r="AN35" s="496"/>
      <c r="AO35" s="496"/>
      <c r="AP35" s="496"/>
      <c r="AQ35" s="496"/>
      <c r="AR35" s="496"/>
      <c r="AS35" s="496"/>
      <c r="AT35" s="496"/>
      <c r="AU35" s="496"/>
      <c r="AV35" s="496"/>
      <c r="AW35" s="496"/>
      <c r="AX35" s="496"/>
      <c r="AY35" s="496"/>
      <c r="AZ35" s="496"/>
      <c r="BA35" s="496"/>
      <c r="BB35" s="496"/>
      <c r="BC35" s="496"/>
      <c r="BD35" s="496"/>
      <c r="BE35" s="496"/>
      <c r="BF35" s="496"/>
      <c r="BG35" s="496"/>
      <c r="BH35" s="496"/>
      <c r="BI35" s="496"/>
      <c r="BJ35" s="496"/>
      <c r="BK35" s="496"/>
      <c r="BL35" s="496"/>
      <c r="BM35" s="496"/>
      <c r="BN35" s="496"/>
      <c r="BO35" s="496"/>
      <c r="BP35" s="496"/>
      <c r="BQ35" s="496"/>
      <c r="BR35" s="496"/>
      <c r="BS35" s="496"/>
      <c r="BT35" s="496"/>
      <c r="BU35" s="177"/>
      <c r="BV35" s="177"/>
      <c r="BW35" s="178"/>
      <c r="BX35" s="178"/>
      <c r="BY35" s="178"/>
      <c r="BZ35" s="179"/>
      <c r="CA35" s="179"/>
      <c r="CB35" s="176"/>
      <c r="CC35" s="176"/>
      <c r="CD35" s="176"/>
      <c r="CE35" s="176"/>
      <c r="CF35" s="176"/>
      <c r="CG35" s="176"/>
      <c r="CH35" s="176"/>
      <c r="CI35" s="176"/>
      <c r="CJ35" s="176"/>
      <c r="CK35" s="176"/>
      <c r="CL35" s="176"/>
      <c r="CM35" s="176"/>
      <c r="CN35" s="176"/>
      <c r="CO35" s="176"/>
      <c r="CP35" s="176"/>
      <c r="CQ35" s="176"/>
    </row>
    <row r="36" spans="1:95" ht="9.5" customHeight="1" x14ac:dyDescent="0.55000000000000004">
      <c r="A36" s="182"/>
      <c r="B36" s="182"/>
      <c r="C36" s="182"/>
      <c r="D36" s="182"/>
      <c r="E36" s="182"/>
      <c r="F36" s="182"/>
      <c r="G36" s="182"/>
      <c r="H36" s="182"/>
      <c r="I36" s="182"/>
      <c r="J36" s="182"/>
      <c r="K36" s="182"/>
      <c r="L36" s="182"/>
      <c r="M36" s="182"/>
      <c r="N36" s="182"/>
      <c r="O36" s="182"/>
      <c r="P36" s="182"/>
      <c r="Q36" s="182"/>
      <c r="R36" s="182"/>
      <c r="S36" s="182"/>
      <c r="T36" s="182"/>
      <c r="U36" s="182"/>
      <c r="V36" s="182"/>
      <c r="W36" s="182"/>
      <c r="X36" s="182"/>
      <c r="Y36" s="182"/>
      <c r="Z36" s="182"/>
      <c r="AA36" s="182"/>
      <c r="AB36" s="182"/>
      <c r="AC36" s="182"/>
      <c r="AD36" s="182"/>
      <c r="AE36" s="182"/>
      <c r="AF36" s="182"/>
      <c r="AG36" s="182"/>
      <c r="AH36" s="182"/>
      <c r="AI36" s="182"/>
      <c r="AJ36" s="182"/>
      <c r="AK36" s="182"/>
      <c r="AL36" s="182"/>
      <c r="AM36" s="182"/>
      <c r="AN36" s="182"/>
      <c r="AO36" s="182"/>
      <c r="AP36" s="182"/>
      <c r="AQ36" s="182"/>
      <c r="AR36" s="182"/>
      <c r="AS36" s="182"/>
      <c r="AT36" s="182"/>
      <c r="AU36" s="182"/>
      <c r="AV36" s="182"/>
      <c r="AW36" s="182"/>
      <c r="AX36" s="182"/>
      <c r="AY36" s="182"/>
      <c r="AZ36" s="182"/>
      <c r="BA36" s="182"/>
      <c r="BB36" s="182"/>
      <c r="BC36" s="182"/>
      <c r="BD36" s="182"/>
      <c r="BE36" s="182"/>
      <c r="BF36" s="182"/>
      <c r="BG36" s="182"/>
      <c r="BH36" s="182"/>
      <c r="BI36" s="182"/>
      <c r="BJ36" s="182"/>
      <c r="BK36" s="182"/>
      <c r="BL36" s="182"/>
      <c r="BM36" s="182"/>
      <c r="BN36" s="182"/>
      <c r="BO36" s="182"/>
      <c r="BP36" s="182"/>
      <c r="BQ36" s="182"/>
      <c r="BR36" s="182"/>
      <c r="BS36" s="182"/>
      <c r="BT36" s="182"/>
      <c r="BU36" s="177"/>
      <c r="BV36" s="177"/>
      <c r="BW36" s="178"/>
      <c r="BX36" s="178"/>
      <c r="BY36" s="178"/>
      <c r="BZ36" s="179"/>
      <c r="CA36" s="179"/>
      <c r="CB36" s="176"/>
      <c r="CC36" s="176"/>
      <c r="CD36" s="176"/>
      <c r="CE36" s="176"/>
      <c r="CF36" s="176"/>
      <c r="CG36" s="176"/>
      <c r="CH36" s="176"/>
      <c r="CI36" s="176"/>
      <c r="CJ36" s="176"/>
      <c r="CK36" s="176"/>
      <c r="CL36" s="176"/>
      <c r="CM36" s="176"/>
      <c r="CN36" s="176"/>
      <c r="CO36" s="176"/>
      <c r="CP36" s="176"/>
      <c r="CQ36" s="176"/>
    </row>
    <row r="37" spans="1:95" ht="20.5" customHeight="1" x14ac:dyDescent="0.55000000000000004">
      <c r="A37" s="180" t="s">
        <v>67</v>
      </c>
      <c r="B37" s="180"/>
      <c r="C37" s="180"/>
      <c r="D37" s="180"/>
      <c r="E37" s="180"/>
      <c r="F37" s="180"/>
      <c r="G37" s="180"/>
      <c r="H37" s="180"/>
      <c r="I37" s="180"/>
      <c r="J37" s="180"/>
      <c r="K37" s="180"/>
      <c r="L37" s="180"/>
      <c r="M37" s="180"/>
      <c r="N37" s="180"/>
      <c r="O37" s="180"/>
      <c r="P37" s="180"/>
      <c r="Q37" s="180"/>
      <c r="R37" s="180"/>
      <c r="S37" s="180"/>
      <c r="T37" s="180"/>
      <c r="U37" s="180"/>
      <c r="V37" s="180"/>
      <c r="W37" s="180"/>
      <c r="X37" s="180"/>
      <c r="Y37" s="180"/>
      <c r="Z37" s="180"/>
      <c r="AA37" s="180"/>
      <c r="AB37" s="180"/>
      <c r="AC37" s="180"/>
      <c r="AD37" s="180"/>
      <c r="AE37" s="180"/>
      <c r="AF37" s="180"/>
      <c r="AG37" s="180"/>
      <c r="AH37" s="180"/>
      <c r="AI37" s="180"/>
      <c r="AJ37" s="180"/>
      <c r="AK37" s="180"/>
      <c r="AL37" s="180"/>
      <c r="AM37" s="180"/>
      <c r="AN37" s="180"/>
      <c r="AO37" s="180"/>
      <c r="AP37" s="180"/>
      <c r="AQ37" s="180"/>
      <c r="AR37" s="180"/>
      <c r="AS37" s="180"/>
      <c r="AT37" s="180"/>
      <c r="AU37" s="180"/>
      <c r="AV37" s="180"/>
      <c r="AW37" s="180"/>
      <c r="AX37" s="180"/>
      <c r="AY37" s="180"/>
      <c r="AZ37" s="180"/>
      <c r="BA37" s="180"/>
      <c r="BB37" s="180"/>
      <c r="BC37" s="180"/>
      <c r="BD37" s="180"/>
      <c r="BE37" s="180"/>
      <c r="BF37" s="180"/>
      <c r="BG37" s="180"/>
      <c r="BH37" s="180"/>
      <c r="BI37" s="180"/>
      <c r="BJ37" s="180"/>
      <c r="BK37" s="180"/>
      <c r="BL37" s="180"/>
      <c r="BM37" s="180"/>
      <c r="BN37" s="180"/>
      <c r="BO37" s="180"/>
      <c r="BP37" s="180"/>
      <c r="BQ37" s="180"/>
      <c r="BR37" s="180"/>
      <c r="BS37" s="180"/>
      <c r="BT37" s="180"/>
      <c r="BU37" s="177"/>
      <c r="BV37" s="177"/>
      <c r="BW37" s="178"/>
      <c r="BX37" s="178"/>
      <c r="BY37" s="178"/>
      <c r="BZ37" s="179"/>
      <c r="CA37" s="179"/>
      <c r="CB37" s="176"/>
      <c r="CC37" s="176"/>
      <c r="CD37" s="176"/>
      <c r="CE37" s="176"/>
      <c r="CF37" s="176"/>
      <c r="CG37" s="176"/>
      <c r="CH37" s="176"/>
      <c r="CI37" s="176"/>
      <c r="CJ37" s="176"/>
      <c r="CK37" s="176"/>
      <c r="CL37" s="176"/>
      <c r="CM37" s="176"/>
      <c r="CN37" s="176"/>
      <c r="CO37" s="176"/>
      <c r="CP37" s="176"/>
      <c r="CQ37" s="176"/>
    </row>
    <row r="38" spans="1:95" ht="20.5" customHeight="1" x14ac:dyDescent="0.55000000000000004">
      <c r="A38" s="496" t="s">
        <v>68</v>
      </c>
      <c r="B38" s="496"/>
      <c r="C38" s="496"/>
      <c r="D38" s="496"/>
      <c r="E38" s="496"/>
      <c r="F38" s="496"/>
      <c r="G38" s="496"/>
      <c r="H38" s="496"/>
      <c r="I38" s="496"/>
      <c r="J38" s="496"/>
      <c r="K38" s="496"/>
      <c r="L38" s="496"/>
      <c r="M38" s="496"/>
      <c r="N38" s="496"/>
      <c r="O38" s="496"/>
      <c r="P38" s="496"/>
      <c r="Q38" s="496"/>
      <c r="R38" s="496"/>
      <c r="S38" s="496"/>
      <c r="T38" s="496"/>
      <c r="U38" s="496"/>
      <c r="V38" s="496"/>
      <c r="W38" s="496"/>
      <c r="X38" s="496"/>
      <c r="Y38" s="496"/>
      <c r="Z38" s="496"/>
      <c r="AA38" s="496"/>
      <c r="AB38" s="496"/>
      <c r="AC38" s="496"/>
      <c r="AD38" s="496"/>
      <c r="AE38" s="496"/>
      <c r="AF38" s="496"/>
      <c r="AG38" s="496"/>
      <c r="AH38" s="496"/>
      <c r="AI38" s="496"/>
      <c r="AJ38" s="496"/>
      <c r="AK38" s="496"/>
      <c r="AL38" s="496"/>
      <c r="AM38" s="496"/>
      <c r="AN38" s="496"/>
      <c r="AO38" s="496"/>
      <c r="AP38" s="496"/>
      <c r="AQ38" s="496"/>
      <c r="AR38" s="496"/>
      <c r="AS38" s="496"/>
      <c r="AT38" s="496"/>
      <c r="AU38" s="496"/>
      <c r="AV38" s="496"/>
      <c r="AW38" s="496"/>
      <c r="AX38" s="496"/>
      <c r="AY38" s="496"/>
      <c r="AZ38" s="496"/>
      <c r="BA38" s="496"/>
      <c r="BB38" s="496"/>
      <c r="BC38" s="496"/>
      <c r="BD38" s="496"/>
      <c r="BE38" s="496"/>
      <c r="BF38" s="496"/>
      <c r="BG38" s="496"/>
      <c r="BH38" s="496"/>
      <c r="BI38" s="496"/>
      <c r="BJ38" s="496"/>
      <c r="BK38" s="496"/>
      <c r="BL38" s="496"/>
      <c r="BM38" s="496"/>
      <c r="BN38" s="496"/>
      <c r="BO38" s="496"/>
      <c r="BP38" s="496"/>
      <c r="BQ38" s="496"/>
      <c r="BR38" s="496"/>
      <c r="BS38" s="496"/>
      <c r="BT38" s="496"/>
      <c r="BU38" s="177"/>
      <c r="BV38" s="177"/>
      <c r="BW38" s="178"/>
      <c r="BX38" s="178"/>
      <c r="BY38" s="178"/>
      <c r="BZ38" s="179"/>
      <c r="CA38" s="179"/>
      <c r="CB38" s="176"/>
      <c r="CC38" s="176"/>
      <c r="CD38" s="176"/>
      <c r="CE38" s="176"/>
      <c r="CF38" s="176"/>
      <c r="CG38" s="176"/>
      <c r="CH38" s="176"/>
      <c r="CI38" s="176"/>
      <c r="CJ38" s="176"/>
      <c r="CK38" s="176"/>
      <c r="CL38" s="176"/>
      <c r="CM38" s="176"/>
      <c r="CN38" s="176"/>
      <c r="CO38" s="176"/>
      <c r="CP38" s="176"/>
      <c r="CQ38" s="176"/>
    </row>
    <row r="39" spans="1:95" ht="9.5" customHeight="1" x14ac:dyDescent="0.55000000000000004">
      <c r="A39" s="182"/>
      <c r="B39" s="182"/>
      <c r="C39" s="182"/>
      <c r="D39" s="182"/>
      <c r="E39" s="182"/>
      <c r="F39" s="182"/>
      <c r="G39" s="182"/>
      <c r="H39" s="182"/>
      <c r="I39" s="182"/>
      <c r="J39" s="182"/>
      <c r="K39" s="182"/>
      <c r="L39" s="182"/>
      <c r="M39" s="182"/>
      <c r="N39" s="182"/>
      <c r="O39" s="182"/>
      <c r="P39" s="182"/>
      <c r="Q39" s="182"/>
      <c r="R39" s="182"/>
      <c r="S39" s="182"/>
      <c r="T39" s="182"/>
      <c r="U39" s="182"/>
      <c r="V39" s="182"/>
      <c r="W39" s="182"/>
      <c r="X39" s="182"/>
      <c r="Y39" s="182"/>
      <c r="Z39" s="182"/>
      <c r="AA39" s="182"/>
      <c r="AB39" s="182"/>
      <c r="AC39" s="182"/>
      <c r="AD39" s="182"/>
      <c r="AE39" s="182"/>
      <c r="AF39" s="182"/>
      <c r="AG39" s="182"/>
      <c r="AH39" s="182"/>
      <c r="AI39" s="182"/>
      <c r="AJ39" s="182"/>
      <c r="AK39" s="182"/>
      <c r="AL39" s="182"/>
      <c r="AM39" s="182"/>
      <c r="AN39" s="182"/>
      <c r="AO39" s="182"/>
      <c r="AP39" s="182"/>
      <c r="AQ39" s="182"/>
      <c r="AR39" s="182"/>
      <c r="AS39" s="182"/>
      <c r="AT39" s="182"/>
      <c r="AU39" s="182"/>
      <c r="AV39" s="182"/>
      <c r="AW39" s="182"/>
      <c r="AX39" s="182"/>
      <c r="AY39" s="182"/>
      <c r="AZ39" s="182"/>
      <c r="BA39" s="182"/>
      <c r="BB39" s="182"/>
      <c r="BC39" s="182"/>
      <c r="BD39" s="182"/>
      <c r="BE39" s="182"/>
      <c r="BF39" s="182"/>
      <c r="BG39" s="182"/>
      <c r="BH39" s="182"/>
      <c r="BI39" s="182"/>
      <c r="BJ39" s="182"/>
      <c r="BK39" s="182"/>
      <c r="BL39" s="182"/>
      <c r="BM39" s="182"/>
      <c r="BN39" s="182"/>
      <c r="BO39" s="182"/>
      <c r="BP39" s="182"/>
      <c r="BQ39" s="182"/>
      <c r="BR39" s="182"/>
      <c r="BS39" s="182"/>
      <c r="BT39" s="182"/>
      <c r="BU39" s="177"/>
      <c r="BV39" s="177"/>
      <c r="BW39" s="178"/>
      <c r="BX39" s="178"/>
      <c r="BY39" s="178"/>
      <c r="BZ39" s="179"/>
      <c r="CA39" s="179"/>
      <c r="CB39" s="176"/>
      <c r="CC39" s="176"/>
      <c r="CD39" s="176"/>
      <c r="CE39" s="176"/>
      <c r="CF39" s="176"/>
      <c r="CG39" s="176"/>
      <c r="CH39" s="176"/>
      <c r="CI39" s="176"/>
      <c r="CJ39" s="176"/>
      <c r="CK39" s="176"/>
      <c r="CL39" s="176"/>
      <c r="CM39" s="176"/>
      <c r="CN39" s="176"/>
      <c r="CO39" s="176"/>
      <c r="CP39" s="176"/>
      <c r="CQ39" s="176"/>
    </row>
    <row r="40" spans="1:95" ht="20.5" customHeight="1" x14ac:dyDescent="0.55000000000000004">
      <c r="A40" s="496" t="s">
        <v>148</v>
      </c>
      <c r="B40" s="496"/>
      <c r="C40" s="496"/>
      <c r="D40" s="496"/>
      <c r="E40" s="496"/>
      <c r="F40" s="496"/>
      <c r="G40" s="496"/>
      <c r="H40" s="496"/>
      <c r="I40" s="496"/>
      <c r="J40" s="496"/>
      <c r="K40" s="496"/>
      <c r="L40" s="496"/>
      <c r="M40" s="496"/>
      <c r="N40" s="496"/>
      <c r="O40" s="496"/>
      <c r="P40" s="496"/>
      <c r="Q40" s="496"/>
      <c r="R40" s="496"/>
      <c r="S40" s="496"/>
      <c r="T40" s="496"/>
      <c r="U40" s="496"/>
      <c r="V40" s="496"/>
      <c r="W40" s="496"/>
      <c r="X40" s="496"/>
      <c r="Y40" s="496"/>
      <c r="Z40" s="496"/>
      <c r="AA40" s="496"/>
      <c r="AB40" s="496"/>
      <c r="AC40" s="496"/>
      <c r="AD40" s="496"/>
      <c r="AE40" s="496"/>
      <c r="AF40" s="496"/>
      <c r="AG40" s="496"/>
      <c r="AH40" s="496"/>
      <c r="AI40" s="496"/>
      <c r="AJ40" s="496"/>
      <c r="AK40" s="496"/>
      <c r="AL40" s="496"/>
      <c r="AM40" s="496"/>
      <c r="AN40" s="496"/>
      <c r="AO40" s="496"/>
      <c r="AP40" s="496"/>
      <c r="AQ40" s="496"/>
      <c r="AR40" s="496"/>
      <c r="AS40" s="496"/>
      <c r="AT40" s="496"/>
      <c r="AU40" s="496"/>
      <c r="AV40" s="496"/>
      <c r="AW40" s="496"/>
      <c r="AX40" s="496"/>
      <c r="AY40" s="496"/>
      <c r="AZ40" s="496"/>
      <c r="BA40" s="496"/>
      <c r="BB40" s="496"/>
      <c r="BC40" s="496"/>
      <c r="BD40" s="496"/>
      <c r="BE40" s="496"/>
      <c r="BF40" s="496"/>
      <c r="BG40" s="496"/>
      <c r="BH40" s="496"/>
      <c r="BI40" s="496"/>
      <c r="BJ40" s="496"/>
      <c r="BK40" s="496"/>
      <c r="BL40" s="496"/>
      <c r="BM40" s="496"/>
      <c r="BN40" s="496"/>
      <c r="BO40" s="496"/>
      <c r="BP40" s="496"/>
      <c r="BQ40" s="496"/>
      <c r="BR40" s="496"/>
      <c r="BS40" s="496"/>
      <c r="BT40" s="496"/>
      <c r="BU40" s="496"/>
      <c r="BV40" s="496"/>
      <c r="BW40" s="496"/>
      <c r="BX40" s="496"/>
      <c r="BY40" s="496"/>
      <c r="BZ40" s="496"/>
      <c r="CA40" s="496"/>
      <c r="CB40" s="496"/>
      <c r="CC40" s="496"/>
      <c r="CD40" s="496"/>
      <c r="CE40" s="496"/>
      <c r="CF40" s="496"/>
      <c r="CG40" s="496"/>
      <c r="CH40" s="496"/>
      <c r="CI40" s="496"/>
      <c r="CJ40" s="496"/>
      <c r="CK40" s="496"/>
      <c r="CL40" s="496"/>
      <c r="CM40" s="496"/>
      <c r="CN40" s="496"/>
      <c r="CO40" s="496"/>
      <c r="CP40" s="496"/>
      <c r="CQ40" s="496"/>
    </row>
    <row r="41" spans="1:95" ht="20.5" customHeight="1" x14ac:dyDescent="0.55000000000000004">
      <c r="A41" s="180" t="s">
        <v>149</v>
      </c>
      <c r="B41" s="180"/>
      <c r="C41" s="180"/>
      <c r="D41" s="180"/>
      <c r="E41" s="180"/>
      <c r="F41" s="180"/>
      <c r="G41" s="180"/>
      <c r="H41" s="180"/>
      <c r="I41" s="180"/>
      <c r="J41" s="180"/>
      <c r="K41" s="180"/>
      <c r="L41" s="180"/>
      <c r="M41" s="180"/>
      <c r="N41" s="180"/>
      <c r="O41" s="180"/>
      <c r="P41" s="180"/>
      <c r="Q41" s="180"/>
      <c r="R41" s="180"/>
      <c r="S41" s="180"/>
      <c r="T41" s="180"/>
      <c r="U41" s="180"/>
      <c r="V41" s="180"/>
      <c r="W41" s="180"/>
      <c r="X41" s="180"/>
      <c r="Y41" s="180"/>
      <c r="Z41" s="180"/>
      <c r="AA41" s="180"/>
      <c r="AB41" s="180"/>
      <c r="AC41" s="180"/>
      <c r="AD41" s="180"/>
      <c r="AE41" s="180"/>
      <c r="AF41" s="180"/>
      <c r="AG41" s="180"/>
      <c r="AH41" s="180"/>
      <c r="AI41" s="180"/>
      <c r="AJ41" s="180"/>
      <c r="AK41" s="180"/>
      <c r="AL41" s="180"/>
      <c r="AM41" s="180"/>
      <c r="AN41" s="180"/>
      <c r="AO41" s="180"/>
      <c r="AP41" s="180"/>
      <c r="AQ41" s="180"/>
      <c r="AR41" s="180"/>
      <c r="AS41" s="180"/>
      <c r="AT41" s="180"/>
      <c r="AU41" s="180"/>
      <c r="AV41" s="180"/>
      <c r="AW41" s="180"/>
      <c r="AX41" s="180"/>
      <c r="AY41" s="180"/>
      <c r="AZ41" s="180"/>
      <c r="BA41" s="180"/>
      <c r="BB41" s="180"/>
      <c r="BC41" s="180"/>
      <c r="BD41" s="180"/>
      <c r="BE41" s="180"/>
      <c r="BF41" s="180"/>
      <c r="BG41" s="180"/>
      <c r="BH41" s="180"/>
      <c r="BI41" s="180"/>
      <c r="BJ41" s="180"/>
      <c r="BK41" s="180"/>
      <c r="BL41" s="180"/>
      <c r="BM41" s="180"/>
      <c r="BN41" s="180"/>
      <c r="BO41" s="180"/>
      <c r="BP41" s="180"/>
      <c r="BQ41" s="180"/>
      <c r="BR41" s="180"/>
      <c r="BS41" s="180"/>
      <c r="BT41" s="180"/>
      <c r="BU41" s="177"/>
      <c r="BV41" s="177"/>
      <c r="BW41" s="178"/>
      <c r="BX41" s="178"/>
      <c r="BY41" s="178"/>
      <c r="BZ41" s="179"/>
      <c r="CA41" s="179"/>
      <c r="CB41" s="176"/>
      <c r="CC41" s="176"/>
      <c r="CD41" s="176"/>
      <c r="CE41" s="176"/>
      <c r="CF41" s="176"/>
      <c r="CG41" s="176"/>
      <c r="CH41" s="176"/>
      <c r="CI41" s="176"/>
      <c r="CJ41" s="176"/>
      <c r="CK41" s="176"/>
      <c r="CL41" s="176"/>
      <c r="CM41" s="176"/>
      <c r="CN41" s="176"/>
      <c r="CO41" s="176"/>
      <c r="CP41" s="176"/>
      <c r="CQ41" s="176"/>
    </row>
    <row r="42" spans="1:95" ht="9" customHeight="1" x14ac:dyDescent="0.55000000000000004">
      <c r="A42" s="180"/>
      <c r="B42" s="180"/>
      <c r="C42" s="180"/>
      <c r="D42" s="180"/>
      <c r="E42" s="180"/>
      <c r="F42" s="180"/>
      <c r="G42" s="180"/>
      <c r="H42" s="180"/>
      <c r="I42" s="180"/>
      <c r="J42" s="180"/>
      <c r="K42" s="180"/>
      <c r="L42" s="180"/>
      <c r="M42" s="180"/>
      <c r="N42" s="180"/>
      <c r="O42" s="180"/>
      <c r="P42" s="180"/>
      <c r="Q42" s="180"/>
      <c r="R42" s="180"/>
      <c r="S42" s="180"/>
      <c r="T42" s="180"/>
      <c r="U42" s="180"/>
      <c r="V42" s="180"/>
      <c r="W42" s="180"/>
      <c r="X42" s="180"/>
      <c r="Y42" s="180"/>
      <c r="Z42" s="180"/>
      <c r="AA42" s="180"/>
      <c r="AB42" s="180"/>
      <c r="AC42" s="180"/>
      <c r="AD42" s="180"/>
      <c r="AE42" s="180"/>
      <c r="AF42" s="180"/>
      <c r="AG42" s="180"/>
      <c r="AH42" s="180"/>
      <c r="AI42" s="180"/>
      <c r="AJ42" s="180"/>
      <c r="AK42" s="180"/>
      <c r="AL42" s="180"/>
      <c r="AM42" s="180"/>
      <c r="AN42" s="180"/>
      <c r="AO42" s="180"/>
      <c r="AP42" s="180"/>
      <c r="AQ42" s="180"/>
      <c r="AR42" s="180"/>
      <c r="AS42" s="180"/>
      <c r="AT42" s="180"/>
      <c r="AU42" s="180"/>
      <c r="AV42" s="180"/>
      <c r="AW42" s="180"/>
      <c r="AX42" s="180"/>
      <c r="AY42" s="180"/>
      <c r="AZ42" s="180"/>
      <c r="BA42" s="180"/>
      <c r="BB42" s="180"/>
      <c r="BC42" s="180"/>
      <c r="BD42" s="180"/>
      <c r="BE42" s="180"/>
      <c r="BF42" s="180"/>
      <c r="BG42" s="180"/>
      <c r="BH42" s="180"/>
      <c r="BI42" s="180"/>
      <c r="BJ42" s="180"/>
      <c r="BK42" s="180"/>
      <c r="BL42" s="180"/>
      <c r="BM42" s="180"/>
      <c r="BN42" s="180"/>
      <c r="BO42" s="180"/>
      <c r="BP42" s="180"/>
      <c r="BQ42" s="180"/>
      <c r="BR42" s="180"/>
      <c r="BS42" s="180"/>
      <c r="BT42" s="180"/>
      <c r="BU42" s="177"/>
      <c r="BV42" s="177"/>
      <c r="BW42" s="178"/>
      <c r="BX42" s="178"/>
      <c r="BY42" s="178"/>
      <c r="BZ42" s="179"/>
      <c r="CA42" s="179"/>
      <c r="CB42" s="176"/>
      <c r="CC42" s="176"/>
      <c r="CD42" s="176"/>
      <c r="CE42" s="176"/>
      <c r="CF42" s="176"/>
      <c r="CG42" s="176"/>
      <c r="CH42" s="176"/>
      <c r="CI42" s="176"/>
      <c r="CJ42" s="176"/>
      <c r="CK42" s="176"/>
      <c r="CL42" s="176"/>
      <c r="CM42" s="176"/>
      <c r="CN42" s="176"/>
      <c r="CO42" s="176"/>
      <c r="CP42" s="176"/>
      <c r="CQ42" s="176"/>
    </row>
    <row r="43" spans="1:95" ht="20.5" customHeight="1" x14ac:dyDescent="0.55000000000000004">
      <c r="A43" s="180" t="s">
        <v>150</v>
      </c>
      <c r="B43" s="180"/>
      <c r="C43" s="180"/>
      <c r="D43" s="180"/>
      <c r="E43" s="180"/>
      <c r="F43" s="180"/>
      <c r="G43" s="180"/>
      <c r="H43" s="180"/>
      <c r="I43" s="180"/>
      <c r="J43" s="180"/>
      <c r="K43" s="180"/>
      <c r="L43" s="180"/>
      <c r="M43" s="180"/>
      <c r="N43" s="180"/>
      <c r="O43" s="180"/>
      <c r="P43" s="180"/>
      <c r="Q43" s="180"/>
      <c r="R43" s="180"/>
      <c r="S43" s="180"/>
      <c r="T43" s="180"/>
      <c r="U43" s="180"/>
      <c r="V43" s="180"/>
      <c r="W43" s="180"/>
      <c r="X43" s="180"/>
      <c r="Y43" s="180"/>
      <c r="Z43" s="180"/>
      <c r="AA43" s="180"/>
      <c r="AB43" s="180"/>
      <c r="AC43" s="180"/>
      <c r="AD43" s="180"/>
      <c r="AE43" s="180"/>
      <c r="AF43" s="180"/>
      <c r="AG43" s="180"/>
      <c r="AH43" s="180"/>
      <c r="AI43" s="180"/>
      <c r="AJ43" s="180"/>
      <c r="AK43" s="180"/>
      <c r="AL43" s="180"/>
      <c r="AM43" s="180"/>
      <c r="AN43" s="180"/>
      <c r="AO43" s="180"/>
      <c r="AP43" s="180"/>
      <c r="AQ43" s="180"/>
      <c r="AR43" s="180"/>
      <c r="AS43" s="180"/>
      <c r="AT43" s="180"/>
      <c r="AU43" s="180"/>
      <c r="AV43" s="180"/>
      <c r="AW43" s="180"/>
      <c r="AX43" s="180"/>
      <c r="AY43" s="180"/>
      <c r="AZ43" s="180"/>
      <c r="BA43" s="180"/>
      <c r="BB43" s="180"/>
      <c r="BC43" s="180"/>
      <c r="BD43" s="180"/>
      <c r="BE43" s="180"/>
      <c r="BF43" s="180"/>
      <c r="BG43" s="180"/>
      <c r="BH43" s="180"/>
      <c r="BI43" s="180"/>
      <c r="BJ43" s="180"/>
      <c r="BK43" s="180"/>
      <c r="BL43" s="180"/>
      <c r="BM43" s="180"/>
      <c r="BN43" s="180"/>
      <c r="BO43" s="180"/>
      <c r="BP43" s="180"/>
      <c r="BQ43" s="180"/>
      <c r="BR43" s="180"/>
      <c r="BS43" s="180"/>
      <c r="BT43" s="180"/>
      <c r="BU43" s="177"/>
      <c r="BV43" s="177"/>
      <c r="BW43" s="178"/>
      <c r="BX43" s="178"/>
      <c r="BY43" s="178"/>
      <c r="BZ43" s="179"/>
      <c r="CA43" s="179"/>
      <c r="CB43" s="176"/>
      <c r="CC43" s="176"/>
      <c r="CD43" s="176"/>
      <c r="CE43" s="176"/>
      <c r="CF43" s="176"/>
      <c r="CG43" s="176"/>
      <c r="CH43" s="176"/>
      <c r="CI43" s="176"/>
      <c r="CJ43" s="176"/>
      <c r="CK43" s="176"/>
      <c r="CL43" s="176"/>
      <c r="CM43" s="176"/>
      <c r="CN43" s="176"/>
      <c r="CO43" s="176"/>
      <c r="CP43" s="176"/>
      <c r="CQ43" s="176"/>
    </row>
    <row r="44" spans="1:95" ht="20.5" customHeight="1" x14ac:dyDescent="0.55000000000000004">
      <c r="A44" s="496" t="s">
        <v>151</v>
      </c>
      <c r="B44" s="496"/>
      <c r="C44" s="496"/>
      <c r="D44" s="496"/>
      <c r="E44" s="496"/>
      <c r="F44" s="496"/>
      <c r="G44" s="496"/>
      <c r="H44" s="496"/>
      <c r="I44" s="496"/>
      <c r="J44" s="496"/>
      <c r="K44" s="496"/>
      <c r="L44" s="496"/>
      <c r="M44" s="496"/>
      <c r="N44" s="496"/>
      <c r="O44" s="496"/>
      <c r="P44" s="496"/>
      <c r="Q44" s="496"/>
      <c r="R44" s="496"/>
      <c r="S44" s="496"/>
      <c r="T44" s="496"/>
      <c r="U44" s="496"/>
      <c r="V44" s="496"/>
      <c r="W44" s="496"/>
      <c r="X44" s="496"/>
      <c r="Y44" s="496"/>
      <c r="Z44" s="496"/>
      <c r="AA44" s="496"/>
      <c r="AB44" s="496"/>
      <c r="AC44" s="496"/>
      <c r="AD44" s="496"/>
      <c r="AE44" s="496"/>
      <c r="AF44" s="496"/>
      <c r="AG44" s="496"/>
      <c r="AH44" s="496"/>
      <c r="AI44" s="496"/>
      <c r="AJ44" s="496"/>
      <c r="AK44" s="496"/>
      <c r="AL44" s="496"/>
      <c r="AM44" s="496"/>
      <c r="AN44" s="496"/>
      <c r="AO44" s="496"/>
      <c r="AP44" s="496"/>
      <c r="AQ44" s="496"/>
      <c r="AR44" s="496"/>
      <c r="AS44" s="496"/>
      <c r="AT44" s="496"/>
      <c r="AU44" s="496"/>
      <c r="AV44" s="496"/>
      <c r="AW44" s="496"/>
      <c r="AX44" s="496"/>
      <c r="AY44" s="496"/>
      <c r="AZ44" s="496"/>
      <c r="BA44" s="496"/>
      <c r="BB44" s="496"/>
      <c r="BC44" s="496"/>
      <c r="BD44" s="496"/>
      <c r="BE44" s="496"/>
      <c r="BF44" s="496"/>
      <c r="BG44" s="496"/>
      <c r="BH44" s="496"/>
      <c r="BI44" s="496"/>
      <c r="BJ44" s="496"/>
      <c r="BK44" s="496"/>
      <c r="BL44" s="496"/>
      <c r="BM44" s="496"/>
      <c r="BN44" s="496"/>
      <c r="BO44" s="496"/>
      <c r="BP44" s="496"/>
      <c r="BQ44" s="496"/>
      <c r="BR44" s="496"/>
      <c r="BS44" s="496"/>
      <c r="BT44" s="496"/>
      <c r="BU44" s="496"/>
      <c r="BV44" s="496"/>
      <c r="BW44" s="496"/>
      <c r="BX44" s="496"/>
      <c r="BY44" s="496"/>
      <c r="BZ44" s="496"/>
      <c r="CA44" s="496"/>
      <c r="CB44" s="496"/>
      <c r="CC44" s="496"/>
      <c r="CD44" s="496"/>
      <c r="CE44" s="496"/>
      <c r="CF44" s="496"/>
      <c r="CG44" s="496"/>
      <c r="CH44" s="496"/>
      <c r="CI44" s="496"/>
      <c r="CJ44" s="496"/>
      <c r="CK44" s="496"/>
      <c r="CL44" s="496"/>
      <c r="CM44" s="496"/>
      <c r="CN44" s="496"/>
      <c r="CO44" s="496"/>
      <c r="CP44" s="496"/>
      <c r="CQ44" s="496"/>
    </row>
    <row r="45" spans="1:95" ht="9" customHeight="1" x14ac:dyDescent="0.55000000000000004">
      <c r="A45" s="182"/>
      <c r="B45" s="182"/>
      <c r="C45" s="182"/>
      <c r="D45" s="182"/>
      <c r="E45" s="182"/>
      <c r="F45" s="182"/>
      <c r="G45" s="182"/>
      <c r="H45" s="182"/>
      <c r="I45" s="182"/>
      <c r="J45" s="182"/>
      <c r="K45" s="182"/>
      <c r="L45" s="182"/>
      <c r="M45" s="182"/>
      <c r="N45" s="182"/>
      <c r="O45" s="182"/>
      <c r="P45" s="182"/>
      <c r="Q45" s="182"/>
      <c r="R45" s="182"/>
      <c r="S45" s="182"/>
      <c r="T45" s="182"/>
      <c r="U45" s="182"/>
      <c r="V45" s="182"/>
      <c r="W45" s="182"/>
      <c r="X45" s="182"/>
      <c r="Y45" s="182"/>
      <c r="Z45" s="182"/>
      <c r="AA45" s="182"/>
      <c r="AB45" s="182"/>
      <c r="AC45" s="182"/>
      <c r="AD45" s="182"/>
      <c r="AE45" s="182"/>
      <c r="AF45" s="182"/>
      <c r="AG45" s="182"/>
      <c r="AH45" s="182"/>
      <c r="AI45" s="182"/>
      <c r="AJ45" s="182"/>
      <c r="AK45" s="182"/>
      <c r="AL45" s="182"/>
      <c r="AM45" s="182"/>
      <c r="AN45" s="182"/>
      <c r="AO45" s="182"/>
      <c r="AP45" s="182"/>
      <c r="AQ45" s="182"/>
      <c r="AR45" s="182"/>
      <c r="AS45" s="182"/>
      <c r="AT45" s="182"/>
      <c r="AU45" s="182"/>
      <c r="AV45" s="182"/>
      <c r="AW45" s="182"/>
      <c r="AX45" s="182"/>
      <c r="AY45" s="182"/>
      <c r="AZ45" s="182"/>
      <c r="BA45" s="182"/>
      <c r="BB45" s="182"/>
      <c r="BC45" s="182"/>
      <c r="BD45" s="182"/>
      <c r="BE45" s="182"/>
      <c r="BF45" s="182"/>
      <c r="BG45" s="182"/>
      <c r="BH45" s="182"/>
      <c r="BI45" s="182"/>
      <c r="BJ45" s="182"/>
      <c r="BK45" s="182"/>
      <c r="BL45" s="182"/>
      <c r="BM45" s="182"/>
      <c r="BN45" s="182"/>
      <c r="BO45" s="182"/>
      <c r="BP45" s="182"/>
      <c r="BQ45" s="182"/>
      <c r="BR45" s="182"/>
      <c r="BS45" s="182"/>
      <c r="BT45" s="182"/>
      <c r="BU45" s="182"/>
      <c r="BV45" s="182"/>
      <c r="BW45" s="182"/>
      <c r="BX45" s="182"/>
      <c r="BY45" s="182"/>
      <c r="BZ45" s="182"/>
      <c r="CA45" s="182"/>
      <c r="CB45" s="182"/>
      <c r="CC45" s="182"/>
      <c r="CD45" s="182"/>
      <c r="CE45" s="182"/>
      <c r="CF45" s="182"/>
      <c r="CG45" s="182"/>
      <c r="CH45" s="182"/>
      <c r="CI45" s="182"/>
      <c r="CJ45" s="182"/>
      <c r="CK45" s="182"/>
      <c r="CL45" s="182"/>
      <c r="CM45" s="182"/>
      <c r="CN45" s="182"/>
      <c r="CO45" s="182"/>
      <c r="CP45" s="182"/>
      <c r="CQ45" s="182"/>
    </row>
    <row r="46" spans="1:95" ht="20.5" customHeight="1" x14ac:dyDescent="0.55000000000000004">
      <c r="A46" s="180" t="s">
        <v>152</v>
      </c>
      <c r="B46" s="180"/>
      <c r="C46" s="180"/>
      <c r="D46" s="180"/>
      <c r="E46" s="180"/>
      <c r="F46" s="180"/>
      <c r="G46" s="180"/>
      <c r="H46" s="180"/>
      <c r="I46" s="180"/>
      <c r="J46" s="180"/>
      <c r="K46" s="180"/>
      <c r="L46" s="180"/>
      <c r="M46" s="180"/>
      <c r="N46" s="180"/>
      <c r="O46" s="180"/>
      <c r="P46" s="180"/>
      <c r="Q46" s="180"/>
      <c r="R46" s="180"/>
      <c r="S46" s="180"/>
      <c r="T46" s="180"/>
      <c r="U46" s="180"/>
      <c r="V46" s="180"/>
      <c r="W46" s="180"/>
      <c r="X46" s="180"/>
      <c r="Y46" s="180"/>
      <c r="Z46" s="180"/>
      <c r="AA46" s="180"/>
      <c r="AB46" s="180"/>
      <c r="AC46" s="180"/>
      <c r="AD46" s="180"/>
      <c r="AE46" s="180"/>
      <c r="AF46" s="180"/>
      <c r="AG46" s="180"/>
      <c r="AH46" s="180"/>
      <c r="AI46" s="180"/>
      <c r="AJ46" s="180"/>
      <c r="AK46" s="180"/>
      <c r="AL46" s="180"/>
      <c r="AM46" s="180"/>
      <c r="AN46" s="180"/>
      <c r="AO46" s="180"/>
      <c r="AP46" s="180"/>
      <c r="AQ46" s="180"/>
      <c r="AR46" s="180"/>
      <c r="AS46" s="180"/>
      <c r="AT46" s="180"/>
      <c r="AU46" s="180"/>
      <c r="AV46" s="180"/>
      <c r="AW46" s="180"/>
      <c r="AX46" s="180"/>
      <c r="AY46" s="180"/>
      <c r="AZ46" s="180"/>
      <c r="BA46" s="180"/>
      <c r="BB46" s="180"/>
      <c r="BC46" s="180"/>
      <c r="BD46" s="180"/>
      <c r="BE46" s="180"/>
      <c r="BF46" s="180"/>
      <c r="BG46" s="180"/>
      <c r="BH46" s="180"/>
      <c r="BI46" s="180"/>
      <c r="BJ46" s="180"/>
      <c r="BK46" s="180"/>
      <c r="BL46" s="180"/>
      <c r="BM46" s="180"/>
      <c r="BN46" s="180"/>
      <c r="BO46" s="180"/>
      <c r="BP46" s="180"/>
      <c r="BQ46" s="180"/>
      <c r="BR46" s="180"/>
      <c r="BS46" s="180"/>
      <c r="BT46" s="180"/>
      <c r="BU46" s="177"/>
      <c r="BV46" s="177"/>
      <c r="BW46" s="178"/>
      <c r="BX46" s="178"/>
      <c r="BY46" s="178"/>
      <c r="BZ46" s="179"/>
      <c r="CA46" s="179"/>
      <c r="CB46" s="176"/>
      <c r="CC46" s="176"/>
      <c r="CD46" s="176"/>
      <c r="CE46" s="176"/>
      <c r="CF46" s="176"/>
      <c r="CG46" s="176"/>
      <c r="CH46" s="176"/>
      <c r="CI46" s="176"/>
      <c r="CJ46" s="176"/>
      <c r="CK46" s="176"/>
      <c r="CL46" s="176"/>
      <c r="CM46" s="176"/>
      <c r="CN46" s="176"/>
      <c r="CO46" s="176"/>
      <c r="CP46" s="176"/>
      <c r="CQ46" s="176"/>
    </row>
    <row r="47" spans="1:95" ht="20.5" customHeight="1" x14ac:dyDescent="0.55000000000000004">
      <c r="A47" s="180" t="s">
        <v>154</v>
      </c>
      <c r="B47" s="180"/>
      <c r="C47" s="180"/>
      <c r="D47" s="180"/>
      <c r="E47" s="180"/>
      <c r="F47" s="180"/>
      <c r="G47" s="180"/>
      <c r="H47" s="180"/>
      <c r="I47" s="180"/>
      <c r="J47" s="180"/>
      <c r="K47" s="180"/>
      <c r="L47" s="180"/>
      <c r="M47" s="180"/>
      <c r="N47" s="180"/>
      <c r="O47" s="180"/>
      <c r="P47" s="180"/>
      <c r="Q47" s="180"/>
      <c r="R47" s="180"/>
      <c r="S47" s="180"/>
      <c r="T47" s="180"/>
      <c r="U47" s="180"/>
      <c r="V47" s="180"/>
      <c r="W47" s="180"/>
      <c r="X47" s="180"/>
      <c r="Y47" s="180"/>
      <c r="Z47" s="180"/>
      <c r="AA47" s="180"/>
      <c r="AB47" s="180"/>
      <c r="AC47" s="180"/>
      <c r="AD47" s="180"/>
      <c r="AE47" s="180"/>
      <c r="AF47" s="180"/>
      <c r="AG47" s="180"/>
      <c r="AH47" s="180"/>
      <c r="AI47" s="180"/>
      <c r="AJ47" s="180"/>
      <c r="AK47" s="180"/>
      <c r="AL47" s="180"/>
      <c r="AM47" s="180"/>
      <c r="AN47" s="180"/>
      <c r="AO47" s="180"/>
      <c r="AP47" s="180"/>
      <c r="AQ47" s="180"/>
      <c r="AR47" s="180"/>
      <c r="AS47" s="180"/>
      <c r="AT47" s="180"/>
      <c r="AU47" s="180"/>
      <c r="AV47" s="180"/>
      <c r="AW47" s="180"/>
      <c r="AX47" s="180"/>
      <c r="AY47" s="180"/>
      <c r="AZ47" s="180"/>
      <c r="BA47" s="180"/>
      <c r="BB47" s="180"/>
      <c r="BC47" s="180"/>
      <c r="BD47" s="180"/>
      <c r="BE47" s="180"/>
      <c r="BF47" s="180"/>
      <c r="BG47" s="180"/>
      <c r="BH47" s="180"/>
      <c r="BI47" s="180"/>
      <c r="BJ47" s="180"/>
      <c r="BK47" s="180"/>
      <c r="BL47" s="180"/>
      <c r="BM47" s="180"/>
      <c r="BN47" s="180"/>
      <c r="BO47" s="180"/>
      <c r="BP47" s="180"/>
      <c r="BQ47" s="180"/>
      <c r="BR47" s="180"/>
      <c r="BS47" s="180"/>
      <c r="BT47" s="180"/>
      <c r="BU47" s="177"/>
      <c r="BV47" s="177"/>
      <c r="BW47" s="178"/>
      <c r="BX47" s="178"/>
      <c r="BY47" s="178"/>
      <c r="BZ47" s="179"/>
      <c r="CA47" s="179"/>
      <c r="CB47" s="176"/>
      <c r="CC47" s="176"/>
      <c r="CD47" s="176"/>
      <c r="CE47" s="176"/>
      <c r="CF47" s="176"/>
      <c r="CG47" s="176"/>
      <c r="CH47" s="176"/>
      <c r="CI47" s="176"/>
      <c r="CJ47" s="176"/>
      <c r="CK47" s="176"/>
      <c r="CL47" s="176"/>
      <c r="CM47" s="176"/>
      <c r="CN47" s="176"/>
      <c r="CO47" s="176"/>
      <c r="CP47" s="176"/>
      <c r="CQ47" s="176"/>
    </row>
    <row r="48" spans="1:95" ht="20.5" customHeight="1" x14ac:dyDescent="0.55000000000000004">
      <c r="A48" s="180" t="s">
        <v>155</v>
      </c>
      <c r="B48" s="180"/>
      <c r="C48" s="180"/>
      <c r="D48" s="180"/>
      <c r="E48" s="180"/>
      <c r="F48" s="180"/>
      <c r="G48" s="180"/>
      <c r="H48" s="180"/>
      <c r="I48" s="180"/>
      <c r="J48" s="180"/>
      <c r="K48" s="180"/>
      <c r="L48" s="180"/>
      <c r="M48" s="180"/>
      <c r="N48" s="180"/>
      <c r="O48" s="180"/>
      <c r="P48" s="180"/>
      <c r="Q48" s="180"/>
      <c r="R48" s="180"/>
      <c r="S48" s="180"/>
      <c r="T48" s="180"/>
      <c r="U48" s="180"/>
      <c r="V48" s="180"/>
      <c r="W48" s="180"/>
      <c r="X48" s="180"/>
      <c r="Y48" s="180"/>
      <c r="Z48" s="180"/>
      <c r="AA48" s="180"/>
      <c r="AB48" s="180"/>
      <c r="AC48" s="180"/>
      <c r="AD48" s="180"/>
      <c r="AE48" s="180"/>
      <c r="AF48" s="180"/>
      <c r="AG48" s="180"/>
      <c r="AH48" s="180"/>
      <c r="AI48" s="180"/>
      <c r="AJ48" s="180"/>
      <c r="AK48" s="180"/>
      <c r="AL48" s="180"/>
      <c r="AM48" s="180"/>
      <c r="AN48" s="180"/>
      <c r="AO48" s="180"/>
      <c r="AP48" s="180"/>
      <c r="AQ48" s="180"/>
      <c r="AR48" s="180"/>
      <c r="AS48" s="180"/>
      <c r="AT48" s="180"/>
      <c r="AU48" s="180"/>
      <c r="AV48" s="180"/>
      <c r="AW48" s="180"/>
      <c r="AX48" s="180"/>
      <c r="AY48" s="180"/>
      <c r="AZ48" s="180"/>
      <c r="BA48" s="180"/>
      <c r="BB48" s="180"/>
      <c r="BC48" s="180"/>
      <c r="BD48" s="180"/>
      <c r="BE48" s="180"/>
      <c r="BF48" s="180"/>
      <c r="BG48" s="180"/>
      <c r="BH48" s="180"/>
      <c r="BI48" s="180"/>
      <c r="BJ48" s="180"/>
      <c r="BK48" s="180"/>
      <c r="BL48" s="180"/>
      <c r="BM48" s="180"/>
      <c r="BN48" s="180"/>
      <c r="BO48" s="180"/>
      <c r="BP48" s="180"/>
      <c r="BQ48" s="180"/>
      <c r="BR48" s="180"/>
      <c r="BS48" s="180"/>
      <c r="BT48" s="180"/>
      <c r="BU48" s="177"/>
      <c r="BV48" s="177"/>
      <c r="BW48" s="178"/>
      <c r="BX48" s="178"/>
      <c r="BY48" s="178"/>
      <c r="BZ48" s="179"/>
      <c r="CA48" s="179"/>
      <c r="CB48" s="176"/>
      <c r="CC48" s="176"/>
      <c r="CD48" s="176"/>
      <c r="CE48" s="176"/>
      <c r="CF48" s="176"/>
      <c r="CG48" s="176"/>
      <c r="CH48" s="176"/>
      <c r="CI48" s="176"/>
      <c r="CJ48" s="176"/>
      <c r="CK48" s="176"/>
      <c r="CL48" s="176"/>
      <c r="CM48" s="176"/>
      <c r="CN48" s="176"/>
      <c r="CO48" s="176"/>
      <c r="CP48" s="176"/>
      <c r="CQ48" s="176"/>
    </row>
    <row r="49" spans="1:95" ht="9" customHeight="1" x14ac:dyDescent="0.55000000000000004">
      <c r="A49" s="180"/>
      <c r="B49" s="180"/>
      <c r="C49" s="180"/>
      <c r="D49" s="180"/>
      <c r="E49" s="180"/>
      <c r="F49" s="180"/>
      <c r="G49" s="180"/>
      <c r="H49" s="180"/>
      <c r="I49" s="180"/>
      <c r="J49" s="180"/>
      <c r="K49" s="180"/>
      <c r="L49" s="180"/>
      <c r="M49" s="180"/>
      <c r="N49" s="180"/>
      <c r="O49" s="180"/>
      <c r="P49" s="180"/>
      <c r="Q49" s="180"/>
      <c r="R49" s="180"/>
      <c r="S49" s="180"/>
      <c r="T49" s="180"/>
      <c r="U49" s="180"/>
      <c r="V49" s="180"/>
      <c r="W49" s="180"/>
      <c r="X49" s="180"/>
      <c r="Y49" s="180"/>
      <c r="Z49" s="180"/>
      <c r="AA49" s="180"/>
      <c r="AB49" s="180"/>
      <c r="AC49" s="180"/>
      <c r="AD49" s="180"/>
      <c r="AE49" s="180"/>
      <c r="AF49" s="180"/>
      <c r="AG49" s="180"/>
      <c r="AH49" s="180"/>
      <c r="AI49" s="180"/>
      <c r="AJ49" s="180"/>
      <c r="AK49" s="180"/>
      <c r="AL49" s="180"/>
      <c r="AM49" s="180"/>
      <c r="AN49" s="180"/>
      <c r="AO49" s="180"/>
      <c r="AP49" s="180"/>
      <c r="AQ49" s="180"/>
      <c r="AR49" s="180"/>
      <c r="AS49" s="180"/>
      <c r="AT49" s="180"/>
      <c r="AU49" s="180"/>
      <c r="AV49" s="180"/>
      <c r="AW49" s="180"/>
      <c r="AX49" s="180"/>
      <c r="AY49" s="180"/>
      <c r="AZ49" s="180"/>
      <c r="BA49" s="180"/>
      <c r="BB49" s="180"/>
      <c r="BC49" s="180"/>
      <c r="BD49" s="180"/>
      <c r="BE49" s="180"/>
      <c r="BF49" s="180"/>
      <c r="BG49" s="180"/>
      <c r="BH49" s="180"/>
      <c r="BI49" s="180"/>
      <c r="BJ49" s="180"/>
      <c r="BK49" s="180"/>
      <c r="BL49" s="180"/>
      <c r="BM49" s="180"/>
      <c r="BN49" s="180"/>
      <c r="BO49" s="180"/>
      <c r="BP49" s="180"/>
      <c r="BQ49" s="180"/>
      <c r="BR49" s="180"/>
      <c r="BS49" s="180"/>
      <c r="BT49" s="180"/>
      <c r="BU49" s="177"/>
      <c r="BV49" s="177"/>
      <c r="BW49" s="178"/>
      <c r="BX49" s="178"/>
      <c r="BY49" s="178"/>
      <c r="BZ49" s="179"/>
      <c r="CA49" s="179"/>
      <c r="CB49" s="176"/>
      <c r="CC49" s="176"/>
      <c r="CD49" s="176"/>
      <c r="CE49" s="176"/>
      <c r="CF49" s="176"/>
      <c r="CG49" s="176"/>
      <c r="CH49" s="176"/>
      <c r="CI49" s="176"/>
      <c r="CJ49" s="176"/>
      <c r="CK49" s="176"/>
      <c r="CL49" s="176"/>
      <c r="CM49" s="176"/>
      <c r="CN49" s="176"/>
      <c r="CO49" s="176"/>
      <c r="CP49" s="176"/>
      <c r="CQ49" s="176"/>
    </row>
    <row r="50" spans="1:95" ht="20.5" customHeight="1" x14ac:dyDescent="0.55000000000000004">
      <c r="A50" s="180" t="s">
        <v>156</v>
      </c>
      <c r="B50" s="180"/>
      <c r="C50" s="180"/>
      <c r="D50" s="180"/>
      <c r="E50" s="180"/>
      <c r="F50" s="180"/>
      <c r="G50" s="180"/>
      <c r="H50" s="180"/>
      <c r="I50" s="180"/>
      <c r="J50" s="180"/>
      <c r="K50" s="180"/>
      <c r="L50" s="180"/>
      <c r="M50" s="180"/>
      <c r="N50" s="180"/>
      <c r="O50" s="180"/>
      <c r="P50" s="180"/>
      <c r="Q50" s="180"/>
      <c r="R50" s="180"/>
      <c r="S50" s="180"/>
      <c r="T50" s="180"/>
      <c r="U50" s="180"/>
      <c r="V50" s="180"/>
      <c r="W50" s="180"/>
      <c r="X50" s="180"/>
      <c r="Y50" s="180"/>
      <c r="Z50" s="180"/>
      <c r="AA50" s="180"/>
      <c r="AB50" s="180"/>
      <c r="AC50" s="180"/>
      <c r="AD50" s="180"/>
      <c r="AE50" s="180"/>
      <c r="AF50" s="180"/>
      <c r="AG50" s="180"/>
      <c r="AH50" s="180"/>
      <c r="AI50" s="180"/>
      <c r="AJ50" s="180"/>
      <c r="AK50" s="180"/>
      <c r="AL50" s="180"/>
      <c r="AM50" s="180"/>
      <c r="AN50" s="180"/>
      <c r="AO50" s="180"/>
      <c r="AP50" s="180"/>
      <c r="AQ50" s="180"/>
      <c r="AR50" s="180"/>
      <c r="AS50" s="180"/>
      <c r="AT50" s="180"/>
      <c r="AU50" s="180"/>
      <c r="AV50" s="180"/>
      <c r="AW50" s="180"/>
      <c r="AX50" s="180"/>
      <c r="AY50" s="180"/>
      <c r="AZ50" s="180"/>
      <c r="BA50" s="180"/>
      <c r="BB50" s="180"/>
      <c r="BC50" s="180"/>
      <c r="BD50" s="180"/>
      <c r="BE50" s="180"/>
      <c r="BF50" s="180"/>
      <c r="BG50" s="180"/>
      <c r="BH50" s="180"/>
      <c r="BI50" s="180"/>
      <c r="BJ50" s="180"/>
      <c r="BK50" s="180"/>
      <c r="BL50" s="180"/>
      <c r="BM50" s="180"/>
      <c r="BN50" s="180"/>
      <c r="BO50" s="180"/>
      <c r="BP50" s="180"/>
      <c r="BQ50" s="180"/>
      <c r="BR50" s="180"/>
      <c r="BS50" s="180"/>
      <c r="BT50" s="180"/>
      <c r="BU50" s="180"/>
      <c r="BV50" s="180"/>
      <c r="BW50" s="180"/>
      <c r="BX50" s="180"/>
      <c r="BY50" s="180"/>
      <c r="BZ50" s="180"/>
      <c r="CA50" s="180"/>
      <c r="CB50" s="180"/>
      <c r="CC50" s="180"/>
      <c r="CD50" s="180"/>
      <c r="CE50" s="180"/>
      <c r="CF50" s="176"/>
      <c r="CG50" s="176"/>
      <c r="CH50" s="176"/>
      <c r="CI50" s="176"/>
      <c r="CJ50" s="176"/>
      <c r="CK50" s="176"/>
      <c r="CL50" s="176"/>
      <c r="CM50" s="176"/>
      <c r="CN50" s="176"/>
      <c r="CO50" s="176"/>
      <c r="CP50" s="176"/>
      <c r="CQ50" s="176"/>
    </row>
    <row r="51" spans="1:95" ht="20.5" customHeight="1" x14ac:dyDescent="0.55000000000000004">
      <c r="A51" s="496" t="s">
        <v>157</v>
      </c>
      <c r="B51" s="496"/>
      <c r="C51" s="496"/>
      <c r="D51" s="496"/>
      <c r="E51" s="496"/>
      <c r="F51" s="496"/>
      <c r="G51" s="496"/>
      <c r="H51" s="496"/>
      <c r="I51" s="496"/>
      <c r="J51" s="496"/>
      <c r="K51" s="496"/>
      <c r="L51" s="496"/>
      <c r="M51" s="496"/>
      <c r="N51" s="496"/>
      <c r="O51" s="496"/>
      <c r="P51" s="496"/>
      <c r="Q51" s="496"/>
      <c r="R51" s="496"/>
      <c r="S51" s="496"/>
      <c r="T51" s="496"/>
      <c r="U51" s="496"/>
      <c r="V51" s="496"/>
      <c r="W51" s="496"/>
      <c r="X51" s="496"/>
      <c r="Y51" s="496"/>
      <c r="Z51" s="496"/>
      <c r="AA51" s="496"/>
      <c r="AB51" s="496"/>
      <c r="AC51" s="496"/>
      <c r="AD51" s="496"/>
      <c r="AE51" s="496"/>
      <c r="AF51" s="496"/>
      <c r="AG51" s="496"/>
      <c r="AH51" s="496"/>
      <c r="AI51" s="496"/>
      <c r="AJ51" s="496"/>
      <c r="AK51" s="496"/>
      <c r="AL51" s="496"/>
      <c r="AM51" s="496"/>
      <c r="AN51" s="496"/>
      <c r="AO51" s="496"/>
      <c r="AP51" s="496"/>
      <c r="AQ51" s="496"/>
      <c r="AR51" s="496"/>
      <c r="AS51" s="496"/>
      <c r="AT51" s="496"/>
      <c r="AU51" s="496"/>
      <c r="AV51" s="496"/>
      <c r="AW51" s="496"/>
      <c r="AX51" s="496"/>
      <c r="AY51" s="496"/>
      <c r="AZ51" s="496"/>
      <c r="BA51" s="496"/>
      <c r="BB51" s="496"/>
      <c r="BC51" s="496"/>
      <c r="BD51" s="496"/>
      <c r="BE51" s="496"/>
      <c r="BF51" s="496"/>
      <c r="BG51" s="496"/>
      <c r="BH51" s="496"/>
      <c r="BI51" s="496"/>
      <c r="BJ51" s="496"/>
      <c r="BK51" s="496"/>
      <c r="BL51" s="496"/>
      <c r="BM51" s="496"/>
      <c r="BN51" s="496"/>
      <c r="BO51" s="496"/>
      <c r="BP51" s="496"/>
      <c r="BQ51" s="496"/>
      <c r="BR51" s="496"/>
      <c r="BS51" s="496"/>
      <c r="BT51" s="496"/>
      <c r="BU51" s="177"/>
      <c r="BV51" s="177"/>
      <c r="BW51" s="178"/>
      <c r="BX51" s="178"/>
      <c r="BY51" s="178"/>
      <c r="BZ51" s="179"/>
      <c r="CA51" s="179"/>
      <c r="CB51" s="176"/>
      <c r="CC51" s="176"/>
      <c r="CD51" s="176"/>
      <c r="CE51" s="176"/>
      <c r="CF51" s="176"/>
      <c r="CG51" s="176"/>
      <c r="CH51" s="176"/>
      <c r="CI51" s="176"/>
      <c r="CJ51" s="176"/>
      <c r="CK51" s="176"/>
      <c r="CL51" s="176"/>
      <c r="CM51" s="176"/>
      <c r="CN51" s="176"/>
      <c r="CO51" s="176"/>
      <c r="CP51" s="176"/>
      <c r="CQ51" s="176"/>
    </row>
    <row r="52" spans="1:95" ht="9" customHeight="1" x14ac:dyDescent="0.55000000000000004">
      <c r="A52" s="182"/>
      <c r="B52" s="182"/>
      <c r="C52" s="182"/>
      <c r="D52" s="182"/>
      <c r="E52" s="182"/>
      <c r="F52" s="182"/>
      <c r="G52" s="182"/>
      <c r="H52" s="182"/>
      <c r="I52" s="182"/>
      <c r="J52" s="182"/>
      <c r="K52" s="182"/>
      <c r="L52" s="182"/>
      <c r="M52" s="182"/>
      <c r="N52" s="182"/>
      <c r="O52" s="182"/>
      <c r="P52" s="182"/>
      <c r="Q52" s="182"/>
      <c r="R52" s="182"/>
      <c r="S52" s="182"/>
      <c r="T52" s="182"/>
      <c r="U52" s="182"/>
      <c r="V52" s="182"/>
      <c r="W52" s="182"/>
      <c r="X52" s="182"/>
      <c r="Y52" s="182"/>
      <c r="Z52" s="182"/>
      <c r="AA52" s="182"/>
      <c r="AB52" s="182"/>
      <c r="AC52" s="182"/>
      <c r="AD52" s="182"/>
      <c r="AE52" s="182"/>
      <c r="AF52" s="182"/>
      <c r="AG52" s="182"/>
      <c r="AH52" s="182"/>
      <c r="AI52" s="182"/>
      <c r="AJ52" s="182"/>
      <c r="AK52" s="182"/>
      <c r="AL52" s="182"/>
      <c r="AM52" s="182"/>
      <c r="AN52" s="182"/>
      <c r="AO52" s="182"/>
      <c r="AP52" s="182"/>
      <c r="AQ52" s="182"/>
      <c r="AR52" s="182"/>
      <c r="AS52" s="182"/>
      <c r="AT52" s="182"/>
      <c r="AU52" s="182"/>
      <c r="AV52" s="182"/>
      <c r="AW52" s="182"/>
      <c r="AX52" s="182"/>
      <c r="AY52" s="182"/>
      <c r="AZ52" s="182"/>
      <c r="BA52" s="182"/>
      <c r="BB52" s="182"/>
      <c r="BC52" s="182"/>
      <c r="BD52" s="182"/>
      <c r="BE52" s="182"/>
      <c r="BF52" s="182"/>
      <c r="BG52" s="182"/>
      <c r="BH52" s="182"/>
      <c r="BI52" s="182"/>
      <c r="BJ52" s="182"/>
      <c r="BK52" s="182"/>
      <c r="BL52" s="182"/>
      <c r="BM52" s="182"/>
      <c r="BN52" s="182"/>
      <c r="BO52" s="182"/>
      <c r="BP52" s="182"/>
      <c r="BQ52" s="182"/>
      <c r="BR52" s="182"/>
      <c r="BS52" s="182"/>
      <c r="BT52" s="182"/>
      <c r="BU52" s="177"/>
      <c r="BV52" s="177"/>
      <c r="BW52" s="178"/>
      <c r="BX52" s="178"/>
      <c r="BY52" s="178"/>
      <c r="BZ52" s="179"/>
      <c r="CA52" s="179"/>
      <c r="CB52" s="176"/>
      <c r="CC52" s="176"/>
      <c r="CD52" s="176"/>
      <c r="CE52" s="176"/>
      <c r="CF52" s="176"/>
      <c r="CG52" s="176"/>
      <c r="CH52" s="176"/>
      <c r="CI52" s="176"/>
      <c r="CJ52" s="176"/>
      <c r="CK52" s="176"/>
      <c r="CL52" s="176"/>
      <c r="CM52" s="176"/>
      <c r="CN52" s="176"/>
      <c r="CO52" s="176"/>
      <c r="CP52" s="176"/>
      <c r="CQ52" s="176"/>
    </row>
    <row r="53" spans="1:95" ht="20.5" customHeight="1" x14ac:dyDescent="0.55000000000000004">
      <c r="A53" s="496" t="s">
        <v>153</v>
      </c>
      <c r="B53" s="496"/>
      <c r="C53" s="496"/>
      <c r="D53" s="496"/>
      <c r="E53" s="496"/>
      <c r="F53" s="496"/>
      <c r="G53" s="496"/>
      <c r="H53" s="496"/>
      <c r="I53" s="496"/>
      <c r="J53" s="496"/>
      <c r="K53" s="496"/>
      <c r="L53" s="496"/>
      <c r="M53" s="496"/>
      <c r="N53" s="496"/>
      <c r="O53" s="496"/>
      <c r="P53" s="496"/>
      <c r="Q53" s="496"/>
      <c r="R53" s="496"/>
      <c r="S53" s="496"/>
      <c r="T53" s="496"/>
      <c r="U53" s="496"/>
      <c r="V53" s="496"/>
      <c r="W53" s="496"/>
      <c r="X53" s="496"/>
      <c r="Y53" s="496"/>
      <c r="Z53" s="496"/>
      <c r="AA53" s="496"/>
      <c r="AB53" s="496"/>
      <c r="AC53" s="496"/>
      <c r="AD53" s="496"/>
      <c r="AE53" s="496"/>
      <c r="AF53" s="496"/>
      <c r="AG53" s="496"/>
      <c r="AH53" s="496"/>
      <c r="AI53" s="496"/>
      <c r="AJ53" s="496"/>
      <c r="AK53" s="496"/>
      <c r="AL53" s="496"/>
      <c r="AM53" s="496"/>
      <c r="AN53" s="496"/>
      <c r="AO53" s="496"/>
      <c r="AP53" s="496"/>
      <c r="AQ53" s="496"/>
      <c r="AR53" s="496"/>
      <c r="AS53" s="496"/>
      <c r="AT53" s="496"/>
      <c r="AU53" s="496"/>
      <c r="AV53" s="496"/>
      <c r="AW53" s="496"/>
      <c r="AX53" s="496"/>
      <c r="AY53" s="496"/>
      <c r="AZ53" s="496"/>
      <c r="BA53" s="496"/>
      <c r="BB53" s="496"/>
      <c r="BC53" s="496"/>
      <c r="BD53" s="496"/>
      <c r="BE53" s="496"/>
      <c r="BF53" s="496"/>
      <c r="BG53" s="496"/>
      <c r="BH53" s="496"/>
      <c r="BI53" s="496"/>
      <c r="BJ53" s="496"/>
      <c r="BK53" s="496"/>
      <c r="BL53" s="496"/>
      <c r="BM53" s="496"/>
      <c r="BN53" s="496"/>
      <c r="BO53" s="496"/>
      <c r="BP53" s="496"/>
      <c r="BQ53" s="496"/>
      <c r="BR53" s="496"/>
      <c r="BS53" s="496"/>
      <c r="BT53" s="496"/>
      <c r="BU53" s="496"/>
      <c r="BV53" s="496"/>
      <c r="BW53" s="496"/>
      <c r="BX53" s="496"/>
      <c r="BY53" s="496"/>
      <c r="BZ53" s="496"/>
      <c r="CA53" s="496"/>
      <c r="CB53" s="496"/>
      <c r="CC53" s="496"/>
      <c r="CD53" s="496"/>
      <c r="CE53" s="496"/>
      <c r="CF53" s="496"/>
      <c r="CG53" s="496"/>
      <c r="CH53" s="496"/>
      <c r="CI53" s="496"/>
      <c r="CJ53" s="496"/>
      <c r="CK53" s="496"/>
      <c r="CL53" s="496"/>
      <c r="CM53" s="496"/>
      <c r="CN53" s="496"/>
      <c r="CO53" s="496"/>
      <c r="CP53" s="496"/>
      <c r="CQ53" s="496"/>
    </row>
    <row r="54" spans="1:95" ht="20.5" customHeight="1" x14ac:dyDescent="0.55000000000000004">
      <c r="A54" s="496" t="s">
        <v>158</v>
      </c>
      <c r="B54" s="496"/>
      <c r="C54" s="496"/>
      <c r="D54" s="496"/>
      <c r="E54" s="496"/>
      <c r="F54" s="496"/>
      <c r="G54" s="496"/>
      <c r="H54" s="496"/>
      <c r="I54" s="496"/>
      <c r="J54" s="496"/>
      <c r="K54" s="496"/>
      <c r="L54" s="496"/>
      <c r="M54" s="496"/>
      <c r="N54" s="496"/>
      <c r="O54" s="496"/>
      <c r="P54" s="496"/>
      <c r="Q54" s="496"/>
      <c r="R54" s="496"/>
      <c r="S54" s="496"/>
      <c r="T54" s="496"/>
      <c r="U54" s="496"/>
      <c r="V54" s="496"/>
      <c r="W54" s="496"/>
      <c r="X54" s="496"/>
      <c r="Y54" s="496"/>
      <c r="Z54" s="496"/>
      <c r="AA54" s="496"/>
      <c r="AB54" s="496"/>
      <c r="AC54" s="496"/>
      <c r="AD54" s="496"/>
      <c r="AE54" s="496"/>
      <c r="AF54" s="496"/>
      <c r="AG54" s="496"/>
      <c r="AH54" s="496"/>
      <c r="AI54" s="496"/>
      <c r="AJ54" s="496"/>
      <c r="AK54" s="496"/>
      <c r="AL54" s="496"/>
      <c r="AM54" s="496"/>
      <c r="AN54" s="496"/>
      <c r="AO54" s="496"/>
      <c r="AP54" s="496"/>
      <c r="AQ54" s="496"/>
      <c r="AR54" s="496"/>
      <c r="AS54" s="496"/>
      <c r="AT54" s="496"/>
      <c r="AU54" s="496"/>
      <c r="AV54" s="496"/>
      <c r="AW54" s="496"/>
      <c r="AX54" s="496"/>
      <c r="AY54" s="496"/>
      <c r="AZ54" s="496"/>
      <c r="BA54" s="496"/>
      <c r="BB54" s="496"/>
      <c r="BC54" s="496"/>
      <c r="BD54" s="496"/>
      <c r="BE54" s="496"/>
      <c r="BF54" s="496"/>
      <c r="BG54" s="496"/>
      <c r="BH54" s="496"/>
      <c r="BI54" s="496"/>
      <c r="BJ54" s="496"/>
      <c r="BK54" s="496"/>
      <c r="BL54" s="496"/>
      <c r="BM54" s="496"/>
      <c r="BN54" s="496"/>
      <c r="BO54" s="496"/>
      <c r="BP54" s="496"/>
      <c r="BQ54" s="496"/>
      <c r="BR54" s="496"/>
      <c r="BS54" s="496"/>
      <c r="BT54" s="496"/>
      <c r="BU54" s="496"/>
      <c r="BV54" s="496"/>
      <c r="BW54" s="496"/>
      <c r="BX54" s="496"/>
      <c r="BY54" s="496"/>
      <c r="BZ54" s="496"/>
      <c r="CA54" s="496"/>
      <c r="CB54" s="496"/>
      <c r="CC54" s="496"/>
      <c r="CD54" s="496"/>
      <c r="CE54" s="496"/>
      <c r="CF54" s="496"/>
      <c r="CG54" s="496"/>
      <c r="CH54" s="496"/>
      <c r="CI54" s="496"/>
      <c r="CJ54" s="496"/>
      <c r="CK54" s="496"/>
      <c r="CL54" s="496"/>
      <c r="CM54" s="496"/>
      <c r="CN54" s="496"/>
      <c r="CO54" s="496"/>
      <c r="CP54" s="496"/>
      <c r="CQ54" s="496"/>
    </row>
    <row r="55" spans="1:95" ht="20.5" customHeight="1" x14ac:dyDescent="0.55000000000000004">
      <c r="A55" s="497" t="s">
        <v>159</v>
      </c>
      <c r="B55" s="497"/>
      <c r="C55" s="497"/>
      <c r="D55" s="497"/>
      <c r="E55" s="497"/>
      <c r="F55" s="497"/>
      <c r="G55" s="497"/>
      <c r="H55" s="497"/>
      <c r="I55" s="497"/>
      <c r="J55" s="497"/>
      <c r="K55" s="497"/>
      <c r="L55" s="497"/>
      <c r="M55" s="497"/>
      <c r="N55" s="497"/>
      <c r="O55" s="497"/>
      <c r="P55" s="497"/>
      <c r="Q55" s="497"/>
      <c r="R55" s="497"/>
      <c r="S55" s="497"/>
      <c r="T55" s="497"/>
      <c r="U55" s="497"/>
      <c r="V55" s="497"/>
      <c r="W55" s="497"/>
      <c r="X55" s="497"/>
      <c r="Y55" s="497"/>
      <c r="Z55" s="497"/>
      <c r="AA55" s="497"/>
      <c r="AB55" s="497"/>
      <c r="AC55" s="497"/>
      <c r="AD55" s="497"/>
      <c r="AE55" s="497"/>
      <c r="AF55" s="497"/>
      <c r="AG55" s="497"/>
      <c r="AH55" s="497"/>
      <c r="AI55" s="497"/>
      <c r="AJ55" s="497"/>
      <c r="AK55" s="497"/>
      <c r="AL55" s="497"/>
      <c r="AM55" s="497"/>
      <c r="AN55" s="497"/>
      <c r="AO55" s="497"/>
      <c r="AP55" s="497"/>
      <c r="AQ55" s="497"/>
      <c r="AR55" s="497"/>
      <c r="AS55" s="497"/>
      <c r="AT55" s="497"/>
      <c r="AU55" s="497"/>
      <c r="AV55" s="497"/>
      <c r="AW55" s="497"/>
      <c r="AX55" s="497"/>
      <c r="AY55" s="497"/>
      <c r="AZ55" s="497"/>
      <c r="BA55" s="497"/>
      <c r="BB55" s="497"/>
      <c r="BC55" s="497"/>
      <c r="BD55" s="497"/>
      <c r="BE55" s="497"/>
      <c r="BF55" s="497"/>
      <c r="BG55" s="497"/>
      <c r="BH55" s="497"/>
      <c r="BI55" s="497"/>
      <c r="BJ55" s="497"/>
      <c r="BK55" s="497"/>
      <c r="BL55" s="497"/>
      <c r="BM55" s="497"/>
      <c r="BN55" s="497"/>
      <c r="BO55" s="497"/>
      <c r="BP55" s="497"/>
      <c r="BQ55" s="497"/>
      <c r="BR55" s="497"/>
      <c r="BS55" s="497"/>
      <c r="BT55" s="497"/>
      <c r="BU55" s="497"/>
      <c r="BV55" s="497"/>
      <c r="BW55" s="497"/>
      <c r="BX55" s="497"/>
      <c r="BY55" s="497"/>
      <c r="BZ55" s="497"/>
      <c r="CA55" s="497"/>
      <c r="CB55" s="497"/>
      <c r="CC55" s="497"/>
      <c r="CD55" s="497"/>
      <c r="CE55" s="497"/>
      <c r="CF55" s="497"/>
      <c r="CG55" s="497"/>
      <c r="CH55" s="497"/>
      <c r="CI55" s="497"/>
      <c r="CJ55" s="497"/>
      <c r="CK55" s="497"/>
      <c r="CL55" s="497"/>
      <c r="CM55" s="497"/>
      <c r="CN55" s="497"/>
      <c r="CO55" s="497"/>
      <c r="CP55" s="497"/>
      <c r="CQ55" s="497"/>
    </row>
    <row r="56" spans="1:95" ht="10.5" customHeight="1" x14ac:dyDescent="0.55000000000000004">
      <c r="A56" s="183"/>
      <c r="B56" s="183"/>
      <c r="C56" s="183"/>
      <c r="D56" s="183"/>
      <c r="E56" s="183"/>
      <c r="F56" s="183"/>
      <c r="G56" s="183"/>
      <c r="H56" s="183"/>
      <c r="I56" s="183"/>
      <c r="J56" s="183"/>
      <c r="K56" s="183"/>
      <c r="L56" s="183"/>
      <c r="M56" s="183"/>
      <c r="N56" s="183"/>
      <c r="O56" s="183"/>
      <c r="P56" s="183"/>
      <c r="Q56" s="183"/>
      <c r="R56" s="183"/>
      <c r="S56" s="183"/>
      <c r="T56" s="183"/>
      <c r="U56" s="183"/>
      <c r="V56" s="183"/>
      <c r="W56" s="183"/>
      <c r="X56" s="183"/>
      <c r="Y56" s="183"/>
      <c r="Z56" s="183"/>
      <c r="AA56" s="183"/>
      <c r="AB56" s="183"/>
      <c r="AC56" s="183"/>
      <c r="AD56" s="183"/>
      <c r="AE56" s="183"/>
      <c r="AF56" s="183"/>
      <c r="AG56" s="183"/>
      <c r="AH56" s="183"/>
      <c r="AI56" s="183"/>
      <c r="AJ56" s="183"/>
      <c r="AK56" s="183"/>
      <c r="AL56" s="183"/>
      <c r="AM56" s="183"/>
      <c r="AN56" s="183"/>
      <c r="AO56" s="183"/>
      <c r="AP56" s="183"/>
      <c r="AQ56" s="183"/>
      <c r="AR56" s="183"/>
      <c r="AS56" s="183"/>
      <c r="AT56" s="183"/>
      <c r="AU56" s="183"/>
      <c r="AV56" s="183"/>
      <c r="AW56" s="183"/>
      <c r="AX56" s="183"/>
      <c r="AY56" s="183"/>
      <c r="AZ56" s="183"/>
      <c r="BA56" s="183"/>
      <c r="BB56" s="183"/>
      <c r="BC56" s="183"/>
      <c r="BD56" s="183"/>
      <c r="BE56" s="183"/>
      <c r="BF56" s="183"/>
      <c r="BG56" s="183"/>
      <c r="BH56" s="183"/>
      <c r="BI56" s="183"/>
      <c r="BJ56" s="183"/>
      <c r="BK56" s="183"/>
      <c r="BL56" s="183"/>
      <c r="BM56" s="183"/>
      <c r="BN56" s="183"/>
      <c r="BO56" s="183"/>
      <c r="BP56" s="183"/>
      <c r="BQ56" s="183"/>
      <c r="BR56" s="183"/>
      <c r="BS56" s="183"/>
      <c r="BT56" s="183"/>
      <c r="BU56" s="183"/>
      <c r="BV56" s="183"/>
      <c r="BW56" s="183"/>
      <c r="BX56" s="183"/>
      <c r="BY56" s="183"/>
      <c r="BZ56" s="183"/>
      <c r="CA56" s="183"/>
      <c r="CB56" s="183"/>
      <c r="CC56" s="183"/>
      <c r="CD56" s="183"/>
      <c r="CE56" s="183"/>
      <c r="CF56" s="183"/>
      <c r="CG56" s="183"/>
      <c r="CH56" s="183"/>
      <c r="CI56" s="183"/>
      <c r="CJ56" s="183"/>
      <c r="CK56" s="183"/>
      <c r="CL56" s="183"/>
      <c r="CM56" s="183"/>
      <c r="CN56" s="183"/>
      <c r="CO56" s="183"/>
      <c r="CP56" s="183"/>
      <c r="CQ56" s="183"/>
    </row>
    <row r="57" spans="1:95" ht="20.5" customHeight="1" x14ac:dyDescent="0.55000000000000004">
      <c r="A57" s="180" t="s">
        <v>69</v>
      </c>
      <c r="B57" s="180"/>
      <c r="C57" s="180"/>
      <c r="D57" s="180"/>
      <c r="E57" s="180"/>
      <c r="F57" s="180"/>
      <c r="G57" s="180"/>
      <c r="H57" s="180"/>
      <c r="I57" s="180"/>
      <c r="J57" s="180"/>
      <c r="K57" s="180"/>
      <c r="L57" s="180"/>
      <c r="M57" s="180"/>
      <c r="N57" s="180"/>
      <c r="O57" s="180"/>
      <c r="P57" s="180"/>
      <c r="Q57" s="180"/>
      <c r="R57" s="180"/>
      <c r="S57" s="180"/>
      <c r="T57" s="180"/>
      <c r="U57" s="180"/>
      <c r="V57" s="180"/>
      <c r="W57" s="180"/>
      <c r="X57" s="180"/>
      <c r="Y57" s="180"/>
      <c r="Z57" s="180"/>
      <c r="AA57" s="180"/>
      <c r="AB57" s="180"/>
      <c r="AC57" s="180"/>
      <c r="AD57" s="180"/>
      <c r="AE57" s="180"/>
      <c r="AF57" s="180"/>
      <c r="AG57" s="180"/>
      <c r="AH57" s="180"/>
      <c r="AI57" s="180"/>
      <c r="AJ57" s="180"/>
      <c r="AK57" s="180"/>
      <c r="AL57" s="180"/>
      <c r="AM57" s="180"/>
      <c r="AN57" s="180"/>
      <c r="AO57" s="180"/>
      <c r="AP57" s="180"/>
      <c r="AQ57" s="180"/>
      <c r="AR57" s="180"/>
      <c r="AS57" s="180"/>
      <c r="AT57" s="180"/>
      <c r="AU57" s="180"/>
      <c r="AV57" s="180"/>
      <c r="AW57" s="180"/>
      <c r="AX57" s="180"/>
      <c r="AY57" s="180"/>
      <c r="AZ57" s="180"/>
      <c r="BA57" s="180"/>
      <c r="BB57" s="180"/>
      <c r="BC57" s="180"/>
      <c r="BD57" s="180"/>
      <c r="BE57" s="180"/>
      <c r="BF57" s="180"/>
      <c r="BG57" s="180"/>
      <c r="BH57" s="180"/>
      <c r="BI57" s="180"/>
      <c r="BJ57" s="180"/>
      <c r="BK57" s="180"/>
      <c r="BL57" s="180"/>
      <c r="BM57" s="180"/>
      <c r="BN57" s="180"/>
      <c r="BO57" s="180"/>
      <c r="BP57" s="180"/>
      <c r="BQ57" s="180"/>
      <c r="BR57" s="180"/>
      <c r="BS57" s="180"/>
      <c r="BT57" s="180"/>
      <c r="BU57" s="177"/>
      <c r="BV57" s="177"/>
      <c r="BW57" s="178"/>
      <c r="BX57" s="178"/>
      <c r="BY57" s="178"/>
      <c r="BZ57" s="179"/>
      <c r="CA57" s="179"/>
      <c r="CB57" s="176"/>
      <c r="CC57" s="176"/>
      <c r="CD57" s="176"/>
      <c r="CE57" s="176"/>
      <c r="CF57" s="176"/>
      <c r="CG57" s="176"/>
      <c r="CH57" s="176"/>
      <c r="CI57" s="176"/>
      <c r="CJ57" s="176"/>
      <c r="CK57" s="176"/>
      <c r="CL57" s="176"/>
      <c r="CM57" s="176"/>
      <c r="CN57" s="176"/>
      <c r="CO57" s="176"/>
      <c r="CP57" s="176"/>
      <c r="CQ57" s="181"/>
    </row>
    <row r="58" spans="1:95" ht="20.5" customHeight="1" x14ac:dyDescent="0.55000000000000004">
      <c r="A58" s="180" t="s">
        <v>70</v>
      </c>
      <c r="B58" s="180"/>
      <c r="C58" s="180"/>
      <c r="D58" s="180"/>
      <c r="E58" s="180"/>
      <c r="F58" s="180"/>
      <c r="G58" s="180"/>
      <c r="H58" s="180"/>
      <c r="I58" s="180"/>
      <c r="J58" s="180"/>
      <c r="K58" s="180"/>
      <c r="L58" s="180"/>
      <c r="M58" s="180"/>
      <c r="N58" s="180"/>
      <c r="O58" s="180"/>
      <c r="P58" s="180"/>
      <c r="Q58" s="180"/>
      <c r="R58" s="180"/>
      <c r="S58" s="180"/>
      <c r="T58" s="180"/>
      <c r="U58" s="180"/>
      <c r="V58" s="180"/>
      <c r="W58" s="180"/>
      <c r="X58" s="180"/>
      <c r="Y58" s="180"/>
      <c r="Z58" s="180"/>
      <c r="AA58" s="180"/>
      <c r="AB58" s="180"/>
      <c r="AC58" s="180"/>
      <c r="AD58" s="180"/>
      <c r="AE58" s="180"/>
      <c r="AF58" s="180"/>
      <c r="AG58" s="180"/>
      <c r="AH58" s="180"/>
      <c r="AI58" s="180"/>
      <c r="AJ58" s="180"/>
      <c r="AK58" s="180"/>
      <c r="AL58" s="180"/>
      <c r="AM58" s="180"/>
      <c r="AN58" s="180"/>
      <c r="AO58" s="180"/>
      <c r="AP58" s="180"/>
      <c r="AQ58" s="180"/>
      <c r="AR58" s="180"/>
      <c r="AS58" s="180"/>
      <c r="AT58" s="180"/>
      <c r="AU58" s="180"/>
      <c r="AV58" s="180"/>
      <c r="AW58" s="180"/>
      <c r="AX58" s="180"/>
      <c r="AY58" s="180"/>
      <c r="AZ58" s="180"/>
      <c r="BA58" s="180"/>
      <c r="BB58" s="180"/>
      <c r="BC58" s="180"/>
      <c r="BD58" s="180"/>
      <c r="BE58" s="180"/>
      <c r="BF58" s="180"/>
      <c r="BG58" s="180"/>
      <c r="BH58" s="180"/>
      <c r="BI58" s="180"/>
      <c r="BJ58" s="180"/>
      <c r="BK58" s="180"/>
      <c r="BL58" s="180"/>
      <c r="BM58" s="180"/>
      <c r="BN58" s="180"/>
      <c r="BO58" s="180"/>
      <c r="BP58" s="180"/>
      <c r="BQ58" s="180"/>
      <c r="BR58" s="180"/>
      <c r="BS58" s="180"/>
      <c r="BT58" s="180"/>
      <c r="BU58" s="177"/>
      <c r="BV58" s="177"/>
      <c r="BW58" s="178"/>
      <c r="BX58" s="178"/>
      <c r="BY58" s="178"/>
      <c r="BZ58" s="179"/>
      <c r="CA58" s="179"/>
      <c r="CB58" s="176"/>
      <c r="CC58" s="176"/>
      <c r="CD58" s="176"/>
      <c r="CE58" s="176"/>
      <c r="CF58" s="176"/>
      <c r="CG58" s="176"/>
      <c r="CH58" s="176"/>
      <c r="CI58" s="176"/>
      <c r="CJ58" s="176"/>
      <c r="CK58" s="176"/>
      <c r="CL58" s="176"/>
      <c r="CM58" s="176"/>
      <c r="CN58" s="176"/>
      <c r="CO58" s="176"/>
      <c r="CP58" s="176"/>
      <c r="CQ58" s="181"/>
    </row>
    <row r="59" spans="1:95" ht="20.5" customHeight="1" x14ac:dyDescent="0.55000000000000004">
      <c r="A59" s="73"/>
      <c r="B59" s="73"/>
      <c r="C59" s="73"/>
      <c r="D59" s="73"/>
      <c r="E59" s="73"/>
      <c r="F59" s="73"/>
      <c r="G59" s="73"/>
      <c r="H59" s="73"/>
      <c r="I59" s="73"/>
      <c r="J59" s="73"/>
      <c r="K59" s="73"/>
      <c r="L59" s="73"/>
      <c r="M59" s="73"/>
      <c r="N59" s="73"/>
      <c r="O59" s="73"/>
      <c r="P59" s="73"/>
      <c r="Q59" s="73"/>
      <c r="R59" s="73"/>
      <c r="S59" s="73"/>
      <c r="T59" s="73"/>
      <c r="U59" s="73"/>
      <c r="V59" s="73"/>
      <c r="W59" s="73"/>
      <c r="X59" s="73"/>
      <c r="Y59" s="73"/>
      <c r="Z59" s="73"/>
      <c r="AA59" s="73"/>
      <c r="AB59" s="73"/>
      <c r="AC59" s="73"/>
      <c r="AD59" s="73"/>
      <c r="AE59" s="73"/>
      <c r="AF59" s="73"/>
      <c r="AG59" s="73"/>
      <c r="AH59" s="73"/>
      <c r="AI59" s="73"/>
      <c r="AJ59" s="73"/>
      <c r="AK59" s="73"/>
      <c r="AL59" s="73"/>
      <c r="AM59" s="73"/>
      <c r="AN59" s="73"/>
      <c r="AO59" s="73"/>
      <c r="AP59" s="73"/>
      <c r="AQ59" s="73"/>
      <c r="AR59" s="73"/>
      <c r="AS59" s="73"/>
      <c r="AT59" s="73"/>
      <c r="AU59" s="73"/>
      <c r="AV59" s="73"/>
      <c r="AW59" s="73"/>
      <c r="AX59" s="73"/>
      <c r="AY59" s="73"/>
      <c r="AZ59" s="73"/>
      <c r="BA59" s="73"/>
      <c r="BB59" s="73"/>
      <c r="BC59" s="73"/>
      <c r="BD59" s="73"/>
      <c r="BE59" s="73"/>
      <c r="BF59" s="73"/>
      <c r="BG59" s="73"/>
      <c r="BH59" s="73"/>
      <c r="BI59" s="73"/>
      <c r="BJ59" s="73"/>
      <c r="BK59" s="73"/>
      <c r="BL59" s="73"/>
      <c r="BM59" s="73"/>
      <c r="BN59" s="73"/>
      <c r="BO59" s="73"/>
      <c r="BP59" s="73"/>
      <c r="BQ59" s="73"/>
      <c r="BR59" s="73"/>
      <c r="BS59" s="73"/>
      <c r="BT59" s="73"/>
      <c r="BU59" s="50"/>
      <c r="BV59" s="50"/>
      <c r="BW59" s="14"/>
      <c r="BX59" s="14"/>
      <c r="BY59" s="14"/>
      <c r="BZ59" s="27"/>
      <c r="CA59" s="27"/>
      <c r="CB59" s="46"/>
      <c r="CC59" s="46"/>
      <c r="CD59" s="46"/>
      <c r="CE59" s="46"/>
      <c r="CF59" s="46"/>
      <c r="CG59" s="46"/>
      <c r="CH59" s="46"/>
      <c r="CI59" s="46"/>
      <c r="CJ59" s="46"/>
      <c r="CK59" s="46"/>
      <c r="CL59" s="46"/>
      <c r="CM59" s="46"/>
      <c r="CN59" s="46"/>
      <c r="CO59" s="46"/>
      <c r="CP59" s="46"/>
      <c r="CQ59" s="46"/>
    </row>
    <row r="60" spans="1:95" ht="20.5" customHeight="1" x14ac:dyDescent="0.55000000000000004">
      <c r="A60" s="73"/>
      <c r="B60" s="73"/>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3"/>
      <c r="BK60" s="73"/>
      <c r="BL60" s="73"/>
      <c r="BM60" s="73"/>
      <c r="BN60" s="73"/>
      <c r="BO60" s="73"/>
      <c r="BP60" s="73"/>
      <c r="BQ60" s="73"/>
      <c r="BR60" s="73"/>
      <c r="BS60" s="73"/>
      <c r="BT60" s="73"/>
      <c r="BU60" s="50"/>
      <c r="BV60" s="50"/>
      <c r="BW60" s="14"/>
      <c r="BX60" s="14"/>
      <c r="BY60" s="14"/>
      <c r="BZ60" s="27"/>
      <c r="CA60" s="27"/>
      <c r="CB60" s="46"/>
      <c r="CC60" s="46"/>
      <c r="CD60" s="46"/>
      <c r="CE60" s="46"/>
      <c r="CF60" s="46"/>
      <c r="CG60" s="46"/>
      <c r="CH60" s="46"/>
      <c r="CI60" s="46"/>
      <c r="CJ60" s="46"/>
      <c r="CK60" s="46"/>
      <c r="CL60" s="46"/>
      <c r="CM60" s="46"/>
      <c r="CN60" s="46"/>
      <c r="CO60" s="46"/>
      <c r="CP60" s="46"/>
      <c r="CQ60" s="46"/>
    </row>
    <row r="61" spans="1:95" ht="20.5" customHeight="1" x14ac:dyDescent="0.55000000000000004">
      <c r="A61" s="74"/>
      <c r="B61" s="75"/>
      <c r="C61" s="74"/>
      <c r="D61" s="74"/>
      <c r="E61" s="74"/>
      <c r="F61" s="74"/>
      <c r="G61" s="74"/>
      <c r="H61" s="74"/>
      <c r="I61" s="74"/>
      <c r="J61" s="74"/>
      <c r="K61" s="74"/>
      <c r="L61" s="74"/>
      <c r="M61" s="74"/>
      <c r="N61" s="74"/>
      <c r="O61" s="74"/>
      <c r="P61" s="74"/>
      <c r="Q61" s="74"/>
      <c r="R61" s="74"/>
      <c r="S61" s="74"/>
      <c r="T61" s="74"/>
      <c r="U61" s="74"/>
      <c r="V61" s="74"/>
      <c r="W61" s="74"/>
      <c r="X61" s="74"/>
      <c r="Y61" s="74"/>
      <c r="Z61" s="74"/>
      <c r="AA61" s="74"/>
      <c r="AB61" s="74"/>
      <c r="AC61" s="74"/>
      <c r="AD61" s="74"/>
      <c r="AE61" s="74"/>
      <c r="AF61" s="74"/>
      <c r="AG61" s="74"/>
      <c r="AH61" s="74"/>
      <c r="AI61" s="74"/>
      <c r="AJ61" s="74"/>
      <c r="AK61" s="74"/>
      <c r="AL61" s="74"/>
      <c r="AM61" s="74"/>
      <c r="AN61" s="74"/>
      <c r="AO61" s="74"/>
      <c r="AP61" s="74"/>
      <c r="AQ61" s="74"/>
      <c r="AR61" s="74"/>
      <c r="AS61" s="74"/>
      <c r="AT61" s="74"/>
      <c r="AU61" s="74"/>
      <c r="AV61" s="74"/>
      <c r="AW61" s="74"/>
      <c r="AX61" s="74"/>
      <c r="AY61" s="74"/>
      <c r="AZ61" s="74"/>
      <c r="BA61" s="74"/>
      <c r="BB61" s="74"/>
      <c r="BC61" s="74"/>
      <c r="BD61" s="74"/>
      <c r="BE61" s="74"/>
      <c r="BF61" s="74"/>
      <c r="BG61" s="74"/>
      <c r="BH61" s="74"/>
      <c r="BI61" s="74"/>
      <c r="BJ61" s="74"/>
      <c r="BK61" s="74"/>
      <c r="BL61" s="74"/>
      <c r="BM61" s="74"/>
      <c r="BN61" s="74"/>
      <c r="BO61" s="74"/>
      <c r="BP61" s="74"/>
      <c r="BQ61" s="74"/>
      <c r="BR61" s="74"/>
      <c r="BS61" s="74"/>
      <c r="BT61" s="74"/>
      <c r="BU61" s="50"/>
      <c r="BV61" s="50"/>
      <c r="BW61" s="14"/>
      <c r="BX61" s="14"/>
      <c r="BY61" s="14"/>
      <c r="BZ61" s="27"/>
      <c r="CA61" s="27"/>
      <c r="CB61" s="46"/>
      <c r="CC61" s="46"/>
      <c r="CD61" s="46"/>
      <c r="CE61" s="46"/>
      <c r="CF61" s="46"/>
      <c r="CG61" s="46"/>
      <c r="CH61" s="46"/>
      <c r="CI61" s="46"/>
      <c r="CJ61" s="46"/>
      <c r="CK61" s="46"/>
      <c r="CL61" s="46"/>
      <c r="CM61" s="46"/>
      <c r="CN61" s="46"/>
      <c r="CO61" s="46"/>
      <c r="CP61" s="46"/>
      <c r="CQ61" s="46"/>
    </row>
    <row r="62" spans="1:95" x14ac:dyDescent="0.55000000000000004">
      <c r="A62" s="39"/>
      <c r="B62" s="39"/>
      <c r="C62" s="39"/>
      <c r="D62" s="39"/>
      <c r="E62" s="39"/>
      <c r="F62" s="39"/>
      <c r="G62" s="39"/>
      <c r="H62" s="39"/>
      <c r="I62" s="39"/>
      <c r="J62" s="39"/>
      <c r="K62" s="39"/>
      <c r="L62" s="39"/>
      <c r="M62" s="39"/>
      <c r="N62" s="39"/>
      <c r="O62" s="39"/>
      <c r="P62" s="39"/>
      <c r="Q62" s="39"/>
      <c r="R62" s="39"/>
      <c r="S62" s="39"/>
      <c r="T62" s="39"/>
      <c r="U62" s="39"/>
      <c r="V62" s="39"/>
      <c r="W62" s="39"/>
      <c r="X62" s="39"/>
      <c r="Y62" s="39"/>
      <c r="Z62" s="39"/>
      <c r="AA62" s="39"/>
      <c r="AB62" s="39"/>
      <c r="AC62" s="39"/>
      <c r="AD62" s="39"/>
      <c r="AE62" s="39"/>
      <c r="AF62" s="39"/>
      <c r="AG62" s="39"/>
      <c r="AH62" s="39"/>
      <c r="AI62" s="39"/>
      <c r="AJ62" s="39"/>
      <c r="AK62" s="39"/>
      <c r="AL62" s="39"/>
      <c r="AM62" s="39"/>
      <c r="AN62" s="39"/>
      <c r="AO62" s="39"/>
      <c r="AP62" s="39"/>
      <c r="AQ62" s="39"/>
      <c r="AR62" s="39"/>
      <c r="AS62" s="39"/>
      <c r="AT62" s="39"/>
      <c r="AU62" s="39"/>
      <c r="AV62" s="39"/>
      <c r="AW62" s="39"/>
      <c r="AX62" s="39"/>
      <c r="AY62" s="39"/>
      <c r="AZ62" s="39"/>
      <c r="BA62" s="39"/>
      <c r="BB62" s="39"/>
      <c r="BC62" s="39"/>
      <c r="BD62" s="39"/>
      <c r="BE62" s="39"/>
      <c r="BF62" s="39"/>
      <c r="BG62" s="39"/>
      <c r="BH62" s="39"/>
      <c r="BI62" s="39"/>
      <c r="BJ62" s="39"/>
      <c r="BK62" s="39"/>
      <c r="BL62" s="39"/>
      <c r="BM62" s="39"/>
      <c r="BN62" s="39"/>
      <c r="BO62" s="39"/>
      <c r="BP62" s="39"/>
      <c r="BQ62" s="39"/>
      <c r="BR62" s="39"/>
      <c r="BS62" s="39"/>
      <c r="BT62" s="74"/>
      <c r="BU62" s="50"/>
      <c r="BV62" s="50"/>
      <c r="BW62" s="14"/>
      <c r="BX62" s="14"/>
      <c r="BY62" s="14"/>
      <c r="BZ62" s="27"/>
      <c r="CA62" s="27"/>
      <c r="CB62" s="46"/>
      <c r="CC62" s="46"/>
      <c r="CD62" s="46"/>
      <c r="CE62" s="46"/>
      <c r="CF62" s="46"/>
      <c r="CG62" s="46"/>
      <c r="CH62" s="46"/>
      <c r="CI62" s="46"/>
      <c r="CJ62" s="46"/>
      <c r="CK62" s="46"/>
      <c r="CL62" s="46"/>
      <c r="CM62" s="46"/>
      <c r="CN62" s="46"/>
      <c r="CO62" s="46"/>
      <c r="CP62" s="46"/>
      <c r="CQ62" s="46"/>
    </row>
    <row r="63" spans="1:95" x14ac:dyDescent="0.55000000000000004">
      <c r="A63" s="39"/>
      <c r="B63" s="39"/>
      <c r="C63" s="39"/>
      <c r="D63" s="39"/>
      <c r="E63" s="39"/>
      <c r="F63" s="39"/>
      <c r="G63" s="39"/>
      <c r="H63" s="39"/>
      <c r="I63" s="39"/>
      <c r="J63" s="39"/>
      <c r="K63" s="39"/>
      <c r="L63" s="39"/>
      <c r="M63" s="39"/>
      <c r="N63" s="39"/>
      <c r="O63" s="39"/>
      <c r="P63" s="39"/>
      <c r="Q63" s="39"/>
      <c r="R63" s="39"/>
      <c r="S63" s="39"/>
      <c r="T63" s="39"/>
      <c r="U63" s="39"/>
      <c r="V63" s="39"/>
      <c r="W63" s="39"/>
      <c r="X63" s="39"/>
      <c r="Y63" s="39"/>
      <c r="Z63" s="39"/>
      <c r="AA63" s="39"/>
      <c r="AB63" s="39"/>
      <c r="AC63" s="39"/>
      <c r="AD63" s="39"/>
      <c r="AE63" s="39"/>
      <c r="AF63" s="39"/>
      <c r="AG63" s="39"/>
      <c r="AH63" s="17"/>
      <c r="AI63" s="17"/>
      <c r="AJ63" s="17"/>
      <c r="AK63" s="17"/>
      <c r="AL63" s="17"/>
      <c r="AM63" s="17"/>
      <c r="AN63" s="17"/>
      <c r="AO63" s="17"/>
      <c r="AP63" s="17"/>
      <c r="AQ63" s="17"/>
      <c r="AR63" s="17"/>
      <c r="AS63" s="17"/>
      <c r="AT63" s="17"/>
      <c r="AU63" s="17"/>
      <c r="AV63" s="17"/>
      <c r="AW63" s="17"/>
      <c r="AX63" s="17"/>
      <c r="AY63" s="17"/>
      <c r="AZ63" s="17"/>
      <c r="BA63" s="17"/>
      <c r="BB63" s="17"/>
      <c r="BC63" s="39"/>
      <c r="BD63" s="39"/>
      <c r="BE63" s="39"/>
      <c r="BF63" s="39"/>
      <c r="BG63" s="39"/>
      <c r="BH63" s="39"/>
      <c r="BI63" s="39"/>
      <c r="BJ63" s="39"/>
      <c r="BK63" s="39"/>
      <c r="BL63" s="39"/>
      <c r="BM63" s="39"/>
      <c r="BN63" s="39"/>
      <c r="BO63" s="39"/>
      <c r="BP63" s="39"/>
      <c r="BQ63" s="39"/>
      <c r="BR63" s="39"/>
      <c r="BS63" s="39"/>
      <c r="BT63" s="39"/>
      <c r="BU63" s="39"/>
      <c r="BV63" s="39"/>
      <c r="BW63" s="39"/>
      <c r="BX63" s="39"/>
      <c r="BY63" s="39"/>
      <c r="BZ63" s="39"/>
      <c r="CA63" s="39"/>
      <c r="CB63" s="39"/>
      <c r="CC63" s="39"/>
      <c r="CD63" s="39"/>
      <c r="CE63" s="39"/>
      <c r="CF63" s="46"/>
      <c r="CG63" s="46"/>
      <c r="CH63" s="46"/>
      <c r="CI63" s="46"/>
      <c r="CJ63" s="46"/>
      <c r="CK63" s="46"/>
      <c r="CL63" s="46"/>
      <c r="CM63" s="46"/>
      <c r="CN63" s="46"/>
      <c r="CO63" s="46"/>
      <c r="CP63" s="46"/>
      <c r="CQ63" s="46"/>
    </row>
    <row r="64" spans="1:95" x14ac:dyDescent="0.55000000000000004">
      <c r="A64" s="39"/>
      <c r="B64" s="39"/>
      <c r="C64" s="39"/>
      <c r="D64" s="39"/>
      <c r="E64" s="39"/>
      <c r="F64" s="39"/>
      <c r="G64" s="14"/>
      <c r="H64" s="14"/>
      <c r="I64" s="14"/>
      <c r="J64" s="14"/>
      <c r="K64" s="14"/>
      <c r="L64" s="14"/>
      <c r="M64" s="39"/>
      <c r="N64" s="39"/>
      <c r="O64" s="39"/>
      <c r="P64" s="39"/>
      <c r="Q64" s="39"/>
      <c r="R64" s="39"/>
      <c r="S64" s="14"/>
      <c r="T64" s="14"/>
      <c r="U64" s="14"/>
      <c r="V64" s="14"/>
      <c r="W64" s="14"/>
      <c r="X64" s="14"/>
      <c r="Y64" s="14"/>
      <c r="Z64" s="14"/>
      <c r="AA64" s="14"/>
      <c r="AB64" s="14"/>
      <c r="AC64" s="14"/>
      <c r="AD64" s="14"/>
      <c r="AE64" s="14"/>
      <c r="AF64" s="14"/>
      <c r="AG64" s="14"/>
      <c r="AH64" s="14"/>
      <c r="AI64" s="14"/>
      <c r="AJ64" s="14"/>
      <c r="AK64" s="14"/>
      <c r="AL64" s="14"/>
      <c r="AM64" s="14"/>
      <c r="AN64" s="14"/>
      <c r="AO64" s="14"/>
      <c r="AP64" s="14"/>
      <c r="AQ64" s="14"/>
      <c r="AR64" s="14"/>
      <c r="AS64" s="14"/>
      <c r="AT64" s="14"/>
      <c r="AU64" s="14"/>
      <c r="AV64" s="14"/>
      <c r="AW64" s="14"/>
      <c r="AX64" s="14"/>
      <c r="AY64" s="14"/>
      <c r="AZ64" s="14"/>
      <c r="BA64" s="14"/>
      <c r="BB64" s="14"/>
      <c r="BC64" s="14"/>
      <c r="BD64" s="14"/>
      <c r="BE64" s="14"/>
      <c r="BF64" s="14"/>
      <c r="BG64" s="14"/>
      <c r="BH64" s="14"/>
      <c r="BI64" s="14"/>
      <c r="BJ64" s="14"/>
      <c r="BK64" s="14"/>
      <c r="BL64" s="14"/>
      <c r="BM64" s="14"/>
      <c r="BN64" s="14"/>
      <c r="BO64" s="14"/>
      <c r="BP64" s="14"/>
      <c r="BQ64" s="14"/>
      <c r="BR64" s="14"/>
      <c r="BS64" s="14"/>
      <c r="BT64" s="14"/>
      <c r="BU64" s="14"/>
      <c r="BV64" s="14"/>
      <c r="BW64" s="14"/>
      <c r="BX64" s="14"/>
      <c r="BY64" s="14"/>
      <c r="BZ64" s="14"/>
      <c r="CA64" s="14"/>
      <c r="CB64" s="14"/>
      <c r="CC64" s="39"/>
      <c r="CD64" s="39"/>
      <c r="CE64" s="39"/>
      <c r="CF64" s="46"/>
      <c r="CG64" s="46"/>
      <c r="CH64" s="46"/>
      <c r="CI64" s="46"/>
      <c r="CJ64" s="46"/>
      <c r="CK64" s="46"/>
      <c r="CL64" s="46"/>
      <c r="CM64" s="46"/>
      <c r="CN64" s="46"/>
      <c r="CO64" s="46"/>
      <c r="CP64" s="46"/>
      <c r="CQ64" s="46"/>
    </row>
    <row r="72" spans="1:95" x14ac:dyDescent="0.55000000000000004">
      <c r="A72" s="14"/>
      <c r="B72" s="14"/>
      <c r="C72" s="14"/>
      <c r="D72" s="39"/>
      <c r="E72" s="39"/>
      <c r="F72" s="39"/>
      <c r="G72" s="39"/>
      <c r="H72" s="39"/>
      <c r="I72" s="39"/>
      <c r="J72" s="39"/>
      <c r="K72" s="39"/>
      <c r="L72" s="14"/>
      <c r="M72" s="14"/>
      <c r="N72" s="14"/>
      <c r="O72" s="14"/>
      <c r="P72" s="39"/>
      <c r="Q72" s="39"/>
      <c r="R72" s="39"/>
      <c r="S72" s="39"/>
      <c r="T72" s="39"/>
      <c r="U72" s="39"/>
      <c r="V72" s="39"/>
      <c r="W72" s="39"/>
      <c r="X72" s="14"/>
      <c r="Y72" s="14"/>
      <c r="Z72" s="14"/>
      <c r="AA72" s="14"/>
      <c r="AB72" s="14"/>
      <c r="AC72" s="14"/>
      <c r="AD72" s="14"/>
      <c r="AE72" s="14"/>
      <c r="AF72" s="14"/>
      <c r="AG72" s="14"/>
      <c r="AH72" s="14"/>
      <c r="AI72" s="14"/>
      <c r="AJ72" s="14"/>
      <c r="AK72" s="14"/>
      <c r="AL72" s="14"/>
      <c r="AM72" s="14"/>
      <c r="AN72" s="14"/>
      <c r="AO72" s="14"/>
      <c r="AP72" s="14"/>
      <c r="AQ72" s="14"/>
      <c r="AR72" s="14"/>
      <c r="AS72" s="14"/>
      <c r="AT72" s="14"/>
      <c r="AU72" s="14"/>
      <c r="AV72" s="14"/>
      <c r="AW72" s="14"/>
      <c r="AX72" s="14"/>
      <c r="AY72" s="14"/>
      <c r="AZ72" s="14"/>
      <c r="BA72" s="14"/>
      <c r="BB72" s="14"/>
      <c r="BC72" s="14"/>
      <c r="BD72" s="14"/>
      <c r="BE72" s="14"/>
      <c r="BF72" s="14"/>
      <c r="BG72" s="14"/>
      <c r="BH72" s="14"/>
      <c r="BI72" s="14"/>
      <c r="BJ72" s="14"/>
      <c r="BK72" s="14"/>
      <c r="BL72" s="14"/>
      <c r="BM72" s="14"/>
      <c r="BN72" s="14"/>
      <c r="BO72" s="14"/>
      <c r="BP72" s="14"/>
      <c r="BQ72" s="14"/>
      <c r="BR72" s="14"/>
      <c r="BS72" s="14"/>
      <c r="BT72" s="14"/>
      <c r="BU72" s="14"/>
      <c r="BV72" s="14"/>
      <c r="BW72" s="14"/>
      <c r="BX72" s="14"/>
      <c r="BY72" s="14"/>
      <c r="BZ72" s="14"/>
      <c r="CA72" s="14"/>
      <c r="CB72" s="14"/>
      <c r="CC72" s="14"/>
      <c r="CD72" s="14"/>
      <c r="CE72" s="12"/>
      <c r="CF72" s="46"/>
      <c r="CG72" s="46"/>
      <c r="CH72" s="46"/>
      <c r="CI72" s="46"/>
      <c r="CJ72" s="46"/>
      <c r="CK72" s="46"/>
      <c r="CL72" s="46"/>
      <c r="CM72" s="46"/>
      <c r="CN72" s="46"/>
      <c r="CO72" s="46"/>
      <c r="CP72" s="46"/>
      <c r="CQ72" s="46"/>
    </row>
    <row r="73" spans="1:95" x14ac:dyDescent="0.55000000000000004">
      <c r="A73" s="14"/>
      <c r="B73" s="14"/>
      <c r="C73" s="14"/>
      <c r="D73" s="39"/>
      <c r="E73" s="39"/>
      <c r="F73" s="39"/>
      <c r="G73" s="39"/>
      <c r="H73" s="39"/>
      <c r="I73" s="39"/>
      <c r="J73" s="39"/>
      <c r="K73" s="39"/>
      <c r="L73" s="14"/>
      <c r="M73" s="14"/>
      <c r="N73" s="14"/>
      <c r="O73" s="14"/>
      <c r="P73" s="39"/>
      <c r="Q73" s="39"/>
      <c r="R73" s="39"/>
      <c r="S73" s="39"/>
      <c r="T73" s="39"/>
      <c r="U73" s="39"/>
      <c r="V73" s="39"/>
      <c r="W73" s="39"/>
      <c r="X73" s="14"/>
      <c r="Y73" s="14"/>
      <c r="Z73" s="14"/>
      <c r="AA73" s="14"/>
      <c r="AB73" s="14"/>
      <c r="AC73" s="14"/>
      <c r="AD73" s="14"/>
      <c r="AE73" s="14"/>
      <c r="AF73" s="14"/>
      <c r="AG73" s="14"/>
      <c r="AH73" s="14"/>
      <c r="AI73" s="14"/>
      <c r="AJ73" s="14"/>
      <c r="AK73" s="14"/>
      <c r="AL73" s="14"/>
      <c r="AM73" s="14"/>
      <c r="AN73" s="14"/>
      <c r="AO73" s="14"/>
      <c r="AP73" s="14"/>
      <c r="AQ73" s="14"/>
      <c r="AR73" s="14"/>
      <c r="AS73" s="14"/>
      <c r="AT73" s="14"/>
      <c r="AU73" s="14"/>
      <c r="AV73" s="14"/>
      <c r="AW73" s="14"/>
      <c r="AX73" s="14"/>
      <c r="AY73" s="14"/>
      <c r="AZ73" s="14"/>
      <c r="BA73" s="14"/>
      <c r="BB73" s="14"/>
      <c r="BC73" s="14"/>
      <c r="BD73" s="14"/>
      <c r="BE73" s="14"/>
      <c r="BF73" s="14"/>
      <c r="BG73" s="14"/>
      <c r="BH73" s="14"/>
      <c r="BI73" s="14"/>
      <c r="BJ73" s="14"/>
      <c r="BK73" s="14"/>
      <c r="BL73" s="14"/>
      <c r="BM73" s="14"/>
      <c r="BN73" s="14"/>
      <c r="BO73" s="14"/>
      <c r="BP73" s="14"/>
      <c r="BQ73" s="14"/>
      <c r="BR73" s="14"/>
      <c r="BS73" s="14"/>
      <c r="BT73" s="14"/>
      <c r="BU73" s="14"/>
      <c r="BV73" s="14"/>
      <c r="BW73" s="14"/>
      <c r="BX73" s="14"/>
      <c r="BY73" s="14"/>
      <c r="BZ73" s="14"/>
      <c r="CA73" s="14"/>
      <c r="CB73" s="14"/>
      <c r="CC73" s="14"/>
      <c r="CD73" s="14"/>
      <c r="CE73" s="12"/>
      <c r="CF73" s="46"/>
      <c r="CG73" s="46"/>
      <c r="CH73" s="46"/>
      <c r="CI73" s="46"/>
      <c r="CJ73" s="46"/>
      <c r="CK73" s="46"/>
      <c r="CL73" s="46"/>
      <c r="CM73" s="46"/>
      <c r="CN73" s="46"/>
      <c r="CO73" s="46"/>
      <c r="CP73" s="46"/>
      <c r="CQ73" s="46"/>
    </row>
    <row r="74" spans="1:95" x14ac:dyDescent="0.55000000000000004">
      <c r="A74" s="39"/>
      <c r="B74" s="39"/>
      <c r="C74" s="39"/>
      <c r="D74" s="39"/>
      <c r="E74" s="39"/>
      <c r="F74" s="39"/>
      <c r="G74" s="39"/>
      <c r="H74" s="39"/>
      <c r="I74" s="39"/>
      <c r="J74" s="39"/>
      <c r="K74" s="39"/>
      <c r="L74" s="39"/>
      <c r="M74" s="39"/>
      <c r="N74" s="39"/>
      <c r="O74" s="39"/>
      <c r="P74" s="39"/>
      <c r="Q74" s="39"/>
      <c r="R74" s="39"/>
      <c r="S74" s="39"/>
      <c r="T74" s="39"/>
      <c r="U74" s="39"/>
      <c r="V74" s="39"/>
      <c r="W74" s="39"/>
      <c r="X74" s="39"/>
      <c r="Y74" s="39"/>
      <c r="Z74" s="39"/>
      <c r="AA74" s="39"/>
      <c r="AB74" s="39"/>
      <c r="AC74" s="39"/>
      <c r="AD74" s="39"/>
      <c r="AE74" s="39"/>
      <c r="AF74" s="39"/>
      <c r="AG74" s="39"/>
      <c r="AH74" s="39"/>
      <c r="AI74" s="39"/>
      <c r="AJ74" s="39"/>
      <c r="AK74" s="39"/>
      <c r="AL74" s="39"/>
      <c r="AM74" s="77"/>
      <c r="AN74" s="77"/>
      <c r="AO74" s="77"/>
      <c r="AP74" s="77"/>
      <c r="AQ74" s="77"/>
      <c r="AR74" s="77"/>
      <c r="AS74" s="77"/>
      <c r="AT74" s="77"/>
      <c r="AU74" s="77"/>
      <c r="AV74" s="77"/>
      <c r="AW74" s="39"/>
      <c r="AX74" s="39"/>
      <c r="AY74" s="39"/>
      <c r="AZ74" s="39"/>
      <c r="BA74" s="39"/>
      <c r="BB74" s="39"/>
      <c r="BC74" s="39"/>
      <c r="BD74" s="39"/>
      <c r="BE74" s="39"/>
      <c r="BF74" s="39"/>
      <c r="BG74" s="39"/>
      <c r="BH74" s="39"/>
      <c r="BI74" s="39"/>
      <c r="BJ74" s="39"/>
      <c r="BK74" s="39"/>
      <c r="BL74" s="39"/>
      <c r="BM74" s="39"/>
      <c r="BN74" s="39"/>
      <c r="BO74" s="39"/>
      <c r="BP74" s="39"/>
      <c r="BQ74" s="77"/>
      <c r="BR74" s="77"/>
      <c r="BS74" s="77"/>
      <c r="BT74" s="77"/>
      <c r="BU74" s="77"/>
      <c r="BV74" s="77"/>
      <c r="BW74" s="77"/>
      <c r="BX74" s="77"/>
      <c r="BY74" s="77"/>
      <c r="BZ74" s="77"/>
      <c r="CA74" s="12"/>
      <c r="CB74" s="12"/>
      <c r="CC74" s="12"/>
      <c r="CD74" s="12"/>
      <c r="CE74" s="12"/>
      <c r="CF74" s="46"/>
      <c r="CG74" s="46"/>
      <c r="CH74" s="46"/>
      <c r="CI74" s="46"/>
      <c r="CJ74" s="46"/>
      <c r="CK74" s="46"/>
      <c r="CL74" s="46"/>
      <c r="CM74" s="46"/>
      <c r="CN74" s="46"/>
      <c r="CO74" s="46"/>
      <c r="CP74" s="46"/>
      <c r="CQ74" s="46"/>
    </row>
    <row r="75" spans="1:95" x14ac:dyDescent="0.55000000000000004">
      <c r="A75" s="39"/>
      <c r="B75" s="39"/>
      <c r="C75" s="39"/>
      <c r="D75" s="39"/>
      <c r="E75" s="39"/>
      <c r="F75" s="39"/>
      <c r="G75" s="14"/>
      <c r="H75" s="14"/>
      <c r="I75" s="14"/>
      <c r="J75" s="14"/>
      <c r="K75" s="14"/>
      <c r="L75" s="39"/>
      <c r="M75" s="39"/>
      <c r="N75" s="39"/>
      <c r="O75" s="39"/>
      <c r="P75" s="39"/>
      <c r="Q75" s="39"/>
      <c r="R75" s="39"/>
      <c r="S75" s="39"/>
      <c r="T75" s="39"/>
      <c r="U75" s="39"/>
      <c r="V75" s="39"/>
      <c r="W75" s="39"/>
      <c r="X75" s="39"/>
      <c r="Y75" s="39"/>
      <c r="Z75" s="39"/>
      <c r="AA75" s="39"/>
      <c r="AB75" s="39"/>
      <c r="AC75" s="39"/>
      <c r="AD75" s="39"/>
      <c r="AE75" s="39"/>
      <c r="AF75" s="39"/>
      <c r="AG75" s="39"/>
      <c r="AH75" s="39"/>
      <c r="AI75" s="39"/>
      <c r="AJ75" s="39"/>
      <c r="AK75" s="39"/>
      <c r="AL75" s="39"/>
      <c r="AM75" s="39"/>
      <c r="AN75" s="39"/>
      <c r="AO75" s="39"/>
      <c r="AP75" s="39"/>
      <c r="AQ75" s="39"/>
      <c r="AR75" s="39"/>
      <c r="AS75" s="39"/>
      <c r="AT75" s="39"/>
      <c r="AU75" s="39"/>
      <c r="AV75" s="39"/>
      <c r="AW75" s="39"/>
      <c r="AX75" s="39"/>
      <c r="AY75" s="39"/>
      <c r="AZ75" s="39"/>
      <c r="BA75" s="39"/>
      <c r="BB75" s="39"/>
      <c r="BC75" s="39"/>
      <c r="BD75" s="39"/>
      <c r="BE75" s="39"/>
      <c r="BF75" s="39"/>
      <c r="BG75" s="39"/>
      <c r="BH75" s="39"/>
      <c r="BI75" s="39"/>
      <c r="BJ75" s="39"/>
      <c r="BK75" s="39"/>
      <c r="BL75" s="39"/>
      <c r="BM75" s="39"/>
      <c r="BN75" s="39"/>
      <c r="BO75" s="39"/>
      <c r="BP75" s="39"/>
      <c r="BQ75" s="39"/>
      <c r="BR75" s="39"/>
      <c r="BS75" s="39"/>
      <c r="BT75" s="8"/>
      <c r="BU75" s="50"/>
      <c r="BV75" s="50"/>
      <c r="BW75" s="14"/>
      <c r="BX75" s="14"/>
      <c r="BY75" s="14"/>
      <c r="BZ75" s="27"/>
      <c r="CA75" s="27"/>
      <c r="CB75" s="46"/>
      <c r="CC75" s="46"/>
      <c r="CD75" s="46"/>
      <c r="CE75" s="46"/>
      <c r="CF75" s="46"/>
      <c r="CG75" s="46"/>
      <c r="CH75" s="46"/>
      <c r="CI75" s="46"/>
      <c r="CJ75" s="46"/>
      <c r="CK75" s="46"/>
      <c r="CL75" s="46"/>
      <c r="CM75" s="46"/>
      <c r="CN75" s="46"/>
      <c r="CO75" s="46"/>
      <c r="CP75" s="46"/>
      <c r="CQ75" s="46"/>
    </row>
  </sheetData>
  <mergeCells count="20">
    <mergeCell ref="A55:CQ55"/>
    <mergeCell ref="A25:BT25"/>
    <mergeCell ref="A3:N7"/>
    <mergeCell ref="A8:CP10"/>
    <mergeCell ref="A11:CK14"/>
    <mergeCell ref="A15:CL18"/>
    <mergeCell ref="A19:CM22"/>
    <mergeCell ref="A44:CQ44"/>
    <mergeCell ref="A27:CQ28"/>
    <mergeCell ref="A30:CQ30"/>
    <mergeCell ref="A31:CO31"/>
    <mergeCell ref="A32:CQ32"/>
    <mergeCell ref="A33:BT33"/>
    <mergeCell ref="A34:CP34"/>
    <mergeCell ref="A35:BT35"/>
    <mergeCell ref="A38:BT38"/>
    <mergeCell ref="A40:CQ40"/>
    <mergeCell ref="A51:BT51"/>
    <mergeCell ref="A53:CQ53"/>
    <mergeCell ref="A54:CQ54"/>
  </mergeCells>
  <phoneticPr fontId="2"/>
  <pageMargins left="0.25" right="0.25" top="0.75" bottom="0.75" header="0.3" footer="0.3"/>
  <pageSetup paperSize="9" scale="80" orientation="portrait" r:id="rId1"/>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4111641-50F7-4B45-85A6-DC42F818F870}">
  <sheetPr>
    <tabColor rgb="FFFFFF00"/>
    <pageSetUpPr fitToPage="1"/>
  </sheetPr>
  <dimension ref="A1:ES212"/>
  <sheetViews>
    <sheetView showGridLines="0" tabSelected="1" zoomScaleNormal="100" zoomScaleSheetLayoutView="80" workbookViewId="0">
      <selection activeCell="DD68" sqref="DD68"/>
    </sheetView>
  </sheetViews>
  <sheetFormatPr defaultColWidth="1.25" defaultRowHeight="7.5" customHeight="1" x14ac:dyDescent="0.55000000000000004"/>
  <cols>
    <col min="1" max="93" width="1.1640625" style="1" customWidth="1"/>
    <col min="94" max="16384" width="1.25" style="1"/>
  </cols>
  <sheetData>
    <row r="1" spans="1:149" s="8" customFormat="1" ht="7.5" customHeight="1" x14ac:dyDescent="0.55000000000000004">
      <c r="A1" s="513"/>
      <c r="B1" s="513"/>
      <c r="C1" s="513"/>
      <c r="D1" s="513"/>
      <c r="E1" s="513"/>
      <c r="F1" s="513"/>
      <c r="G1" s="513"/>
      <c r="H1" s="513"/>
      <c r="I1" s="513"/>
      <c r="J1" s="513"/>
      <c r="K1" s="513"/>
      <c r="L1" s="513"/>
      <c r="M1" s="513"/>
      <c r="N1" s="513"/>
      <c r="O1" s="513"/>
      <c r="P1" s="513"/>
      <c r="Q1" s="513"/>
      <c r="R1" s="513"/>
      <c r="S1" s="513"/>
      <c r="T1" s="513"/>
      <c r="U1" s="513"/>
      <c r="V1" s="513"/>
      <c r="W1" s="513"/>
      <c r="X1" s="513"/>
      <c r="Y1" s="513"/>
      <c r="Z1" s="513"/>
      <c r="AA1" s="513"/>
      <c r="AB1" s="513"/>
      <c r="AC1" s="513"/>
      <c r="AD1" s="513"/>
      <c r="AE1" s="513"/>
      <c r="AF1" s="513"/>
      <c r="AG1" s="513"/>
      <c r="AH1" s="513"/>
      <c r="AI1" s="513"/>
      <c r="AJ1" s="513"/>
      <c r="AK1" s="513"/>
      <c r="AL1" s="513"/>
      <c r="AM1" s="513"/>
      <c r="AN1" s="513"/>
      <c r="AO1" s="513"/>
      <c r="AP1" s="513"/>
      <c r="AQ1" s="513"/>
      <c r="AR1" s="513"/>
      <c r="AS1" s="513"/>
      <c r="AT1" s="513"/>
      <c r="AU1" s="513"/>
      <c r="AV1" s="513"/>
      <c r="AW1" s="513"/>
      <c r="AX1" s="513"/>
      <c r="AY1" s="513"/>
      <c r="AZ1" s="513"/>
      <c r="BA1" s="513"/>
      <c r="BB1" s="513"/>
      <c r="BC1" s="513"/>
      <c r="BD1" s="513"/>
      <c r="BE1" s="513"/>
      <c r="BF1" s="513"/>
      <c r="BG1" s="513"/>
      <c r="BH1" s="513"/>
      <c r="BI1" s="513"/>
      <c r="BJ1" s="513"/>
      <c r="BK1" s="513"/>
      <c r="BL1" s="513"/>
      <c r="BM1" s="513"/>
      <c r="BN1" s="513"/>
      <c r="BO1" s="513"/>
      <c r="BP1" s="513"/>
      <c r="BQ1" s="513"/>
      <c r="BR1" s="513"/>
      <c r="BS1" s="513"/>
      <c r="BT1" s="513"/>
      <c r="BU1" s="50"/>
      <c r="BV1" s="50"/>
      <c r="BW1" s="14"/>
      <c r="BX1" s="14"/>
      <c r="BY1" s="14"/>
      <c r="BZ1" s="27"/>
      <c r="CA1" s="27"/>
      <c r="CB1" s="46"/>
      <c r="CC1" s="46"/>
      <c r="CD1" s="46"/>
      <c r="CE1" s="46"/>
      <c r="CF1" s="46"/>
      <c r="CG1" s="46"/>
      <c r="CH1" s="46"/>
      <c r="CI1" s="46"/>
      <c r="CJ1" s="46"/>
      <c r="CK1" s="46"/>
      <c r="CL1" s="46"/>
      <c r="CM1" s="46"/>
      <c r="CN1" s="46"/>
      <c r="CO1" s="46"/>
      <c r="CP1" s="46"/>
      <c r="CQ1" s="46"/>
      <c r="CR1" s="46"/>
      <c r="CS1" s="46"/>
      <c r="CT1" s="46"/>
      <c r="CU1" s="46"/>
      <c r="CV1" s="46"/>
      <c r="CW1" s="46"/>
      <c r="CX1" s="46"/>
      <c r="CY1" s="46"/>
      <c r="CZ1" s="46"/>
      <c r="DA1" s="46"/>
      <c r="DB1" s="46"/>
      <c r="DC1" s="46"/>
      <c r="DD1" s="46"/>
      <c r="DE1" s="46"/>
      <c r="DF1" s="46"/>
      <c r="DG1" s="46"/>
      <c r="DH1" s="46"/>
      <c r="DI1" s="46"/>
      <c r="DJ1" s="27"/>
      <c r="DK1" s="27"/>
      <c r="DL1" s="51"/>
      <c r="DM1" s="19"/>
      <c r="DN1" s="19"/>
      <c r="DO1" s="19"/>
      <c r="DP1" s="19"/>
      <c r="DQ1" s="19"/>
      <c r="DR1" s="19"/>
      <c r="DS1" s="19"/>
      <c r="DT1" s="19"/>
      <c r="DU1" s="19"/>
      <c r="DV1" s="19"/>
      <c r="DW1" s="19"/>
      <c r="DX1" s="19"/>
      <c r="DY1" s="19"/>
      <c r="DZ1" s="19"/>
      <c r="EA1" s="19"/>
      <c r="EB1" s="19"/>
      <c r="EC1" s="19"/>
      <c r="ED1" s="19"/>
      <c r="EE1" s="19"/>
      <c r="EF1" s="19"/>
      <c r="EG1" s="19"/>
      <c r="EH1" s="19"/>
      <c r="EI1" s="19"/>
      <c r="EJ1" s="19"/>
      <c r="EK1" s="19"/>
      <c r="EL1" s="19"/>
      <c r="EM1" s="19"/>
      <c r="EN1" s="19"/>
      <c r="EO1" s="19"/>
      <c r="EP1" s="19"/>
      <c r="EQ1" s="19"/>
      <c r="ER1" s="19"/>
      <c r="ES1" s="19"/>
    </row>
    <row r="2" spans="1:149" s="8" customFormat="1" ht="20.149999999999999" customHeight="1" x14ac:dyDescent="0.55000000000000004">
      <c r="A2" s="513"/>
      <c r="B2" s="513"/>
      <c r="C2" s="513"/>
      <c r="D2" s="513"/>
      <c r="E2" s="513"/>
      <c r="F2" s="513"/>
      <c r="G2" s="513"/>
      <c r="H2" s="513"/>
      <c r="I2" s="513"/>
      <c r="J2" s="513"/>
      <c r="K2" s="513"/>
      <c r="L2" s="513"/>
      <c r="M2" s="513"/>
      <c r="N2" s="513"/>
      <c r="O2" s="513"/>
      <c r="P2" s="513"/>
      <c r="Q2" s="513"/>
      <c r="R2" s="513"/>
      <c r="S2" s="513"/>
      <c r="T2" s="513"/>
      <c r="U2" s="513"/>
      <c r="V2" s="513"/>
      <c r="W2" s="513"/>
      <c r="X2" s="513"/>
      <c r="Y2" s="513"/>
      <c r="Z2" s="513"/>
      <c r="AA2" s="513"/>
      <c r="AB2" s="513"/>
      <c r="AC2" s="513"/>
      <c r="AD2" s="513"/>
      <c r="AE2" s="513"/>
      <c r="AF2" s="513"/>
      <c r="AG2" s="513"/>
      <c r="AH2" s="513"/>
      <c r="AI2" s="513"/>
      <c r="AJ2" s="513"/>
      <c r="AK2" s="513"/>
      <c r="AL2" s="513"/>
      <c r="AM2" s="513"/>
      <c r="AN2" s="513"/>
      <c r="AO2" s="513"/>
      <c r="AP2" s="513"/>
      <c r="AQ2" s="513"/>
      <c r="AR2" s="513"/>
      <c r="AS2" s="513"/>
      <c r="AT2" s="513"/>
      <c r="AU2" s="513"/>
      <c r="AV2" s="513"/>
      <c r="AW2" s="513"/>
      <c r="AX2" s="513"/>
      <c r="AY2" s="513"/>
      <c r="AZ2" s="513"/>
      <c r="BA2" s="513"/>
      <c r="BB2" s="513"/>
      <c r="BC2" s="513"/>
      <c r="BD2" s="513"/>
      <c r="BE2" s="513"/>
      <c r="BF2" s="513"/>
      <c r="BG2" s="513"/>
      <c r="BH2" s="513"/>
      <c r="BI2" s="513"/>
      <c r="BJ2" s="513"/>
      <c r="BK2" s="513"/>
      <c r="BL2" s="513"/>
      <c r="BM2" s="513"/>
      <c r="BN2" s="513"/>
      <c r="BO2" s="513"/>
      <c r="BP2" s="513"/>
      <c r="BQ2" s="513"/>
      <c r="BR2" s="513"/>
      <c r="BS2" s="513"/>
      <c r="BT2" s="513"/>
      <c r="BU2" s="50"/>
      <c r="BV2" s="50"/>
      <c r="BW2" s="14"/>
      <c r="BX2" s="14"/>
      <c r="BY2" s="14"/>
      <c r="BZ2" s="27"/>
      <c r="CA2" s="27"/>
      <c r="CB2" s="46"/>
      <c r="CC2" s="46"/>
      <c r="CD2" s="46"/>
      <c r="CE2" s="46"/>
      <c r="CF2" s="46"/>
      <c r="CG2" s="46"/>
      <c r="CH2" s="46"/>
      <c r="CI2" s="46"/>
      <c r="CJ2" s="46"/>
      <c r="CK2" s="46"/>
      <c r="CL2" s="46"/>
      <c r="CM2" s="46"/>
      <c r="CN2" s="46"/>
      <c r="CO2" s="46"/>
      <c r="CP2" s="46"/>
      <c r="CQ2" s="46"/>
    </row>
    <row r="3" spans="1:149" s="8" customFormat="1" ht="10.5" customHeight="1" x14ac:dyDescent="0.55000000000000004">
      <c r="A3" s="513"/>
      <c r="B3" s="513"/>
      <c r="C3" s="513"/>
      <c r="D3" s="513"/>
      <c r="E3" s="513"/>
      <c r="F3" s="513"/>
      <c r="G3" s="513"/>
      <c r="H3" s="513"/>
      <c r="I3" s="513"/>
      <c r="J3" s="513"/>
      <c r="K3" s="513"/>
      <c r="L3" s="513"/>
      <c r="M3" s="513"/>
      <c r="N3" s="513"/>
      <c r="O3" s="513"/>
      <c r="P3" s="513"/>
      <c r="Q3" s="513"/>
      <c r="R3" s="513"/>
      <c r="S3" s="513"/>
      <c r="T3" s="513"/>
      <c r="U3" s="513"/>
      <c r="V3" s="513"/>
      <c r="W3" s="513"/>
      <c r="X3" s="513"/>
      <c r="Y3" s="513"/>
      <c r="Z3" s="513"/>
      <c r="AA3" s="513"/>
      <c r="AB3" s="513"/>
      <c r="AC3" s="513"/>
      <c r="AD3" s="513"/>
      <c r="AE3" s="513"/>
      <c r="AF3" s="513"/>
      <c r="AG3" s="513"/>
      <c r="AH3" s="513"/>
      <c r="AI3" s="513"/>
      <c r="AJ3" s="513"/>
      <c r="AK3" s="513"/>
      <c r="AL3" s="513"/>
      <c r="AM3" s="513"/>
      <c r="AN3" s="513"/>
      <c r="AO3" s="513"/>
      <c r="AP3" s="513"/>
      <c r="AQ3" s="513"/>
      <c r="AR3" s="513"/>
      <c r="AS3" s="513"/>
      <c r="AT3" s="513"/>
      <c r="AU3" s="513"/>
      <c r="AV3" s="513"/>
      <c r="AW3" s="513"/>
      <c r="AX3" s="513"/>
      <c r="AY3" s="513"/>
      <c r="AZ3" s="513"/>
      <c r="BA3" s="513"/>
      <c r="BB3" s="513"/>
      <c r="BC3" s="513"/>
      <c r="BD3" s="513"/>
      <c r="BE3" s="513"/>
      <c r="BF3" s="513"/>
      <c r="BG3" s="513"/>
      <c r="BH3" s="513"/>
      <c r="BI3" s="513"/>
      <c r="BJ3" s="513"/>
      <c r="BK3" s="513"/>
      <c r="BL3" s="513"/>
      <c r="BM3" s="513"/>
      <c r="BN3" s="513"/>
      <c r="BO3" s="513"/>
      <c r="BP3" s="513"/>
      <c r="BQ3" s="513"/>
      <c r="BR3" s="513"/>
      <c r="BS3" s="513"/>
      <c r="BT3" s="513"/>
      <c r="BU3" s="50"/>
      <c r="BV3" s="50"/>
      <c r="BW3" s="14"/>
      <c r="BX3" s="14"/>
      <c r="BY3" s="14"/>
      <c r="BZ3" s="27"/>
      <c r="CA3" s="27"/>
      <c r="CB3" s="46"/>
      <c r="CC3" s="46"/>
      <c r="CD3" s="46"/>
      <c r="CE3" s="46"/>
      <c r="CF3" s="46"/>
      <c r="CG3" s="46"/>
      <c r="CH3" s="46"/>
      <c r="CI3" s="46"/>
      <c r="CJ3" s="46"/>
      <c r="CK3" s="46"/>
      <c r="CL3" s="46"/>
      <c r="CM3" s="46"/>
      <c r="CN3" s="46"/>
      <c r="CO3" s="46"/>
      <c r="CP3" s="46"/>
      <c r="CQ3" s="46"/>
    </row>
    <row r="4" spans="1:149" s="8" customFormat="1" ht="13.5" customHeight="1" x14ac:dyDescent="0.55000000000000004">
      <c r="A4" s="14"/>
      <c r="B4" s="14"/>
      <c r="C4" s="14"/>
      <c r="D4" s="39"/>
      <c r="E4" s="39"/>
      <c r="F4" s="39"/>
      <c r="G4" s="39"/>
      <c r="H4" s="39"/>
      <c r="I4" s="39"/>
      <c r="J4" s="39"/>
      <c r="K4" s="39"/>
      <c r="L4" s="39"/>
      <c r="M4" s="39"/>
      <c r="N4" s="39"/>
      <c r="O4" s="39"/>
      <c r="P4" s="39"/>
      <c r="Q4" s="39"/>
      <c r="R4" s="12"/>
      <c r="S4" s="12"/>
      <c r="T4" s="12"/>
      <c r="U4" s="12"/>
      <c r="V4" s="12"/>
      <c r="W4" s="12"/>
      <c r="X4" s="12"/>
      <c r="Y4" s="12"/>
      <c r="Z4" s="12"/>
      <c r="AA4" s="12"/>
      <c r="AB4" s="12"/>
      <c r="AC4" s="39"/>
      <c r="AD4" s="39"/>
      <c r="AE4" s="39"/>
      <c r="AF4" s="39"/>
      <c r="AG4" s="39"/>
      <c r="AH4" s="39"/>
      <c r="AI4" s="12"/>
      <c r="AJ4" s="12"/>
      <c r="AK4" s="12"/>
      <c r="AL4" s="12"/>
      <c r="AM4" s="12"/>
      <c r="AN4" s="12"/>
      <c r="AO4" s="12"/>
      <c r="AP4" s="12"/>
      <c r="AQ4" s="12"/>
      <c r="AR4" s="12"/>
      <c r="AS4" s="12"/>
      <c r="AT4" s="14"/>
      <c r="AU4" s="14"/>
      <c r="AV4" s="14"/>
      <c r="AW4" s="14"/>
      <c r="AX4" s="14"/>
      <c r="AY4" s="14"/>
      <c r="AZ4" s="14"/>
      <c r="BA4" s="14"/>
      <c r="BB4" s="14"/>
      <c r="BC4" s="14"/>
      <c r="BD4" s="14"/>
      <c r="BE4" s="14"/>
      <c r="BF4" s="14"/>
      <c r="BG4" s="14"/>
      <c r="BH4" s="14"/>
      <c r="BI4" s="14"/>
      <c r="BJ4" s="14"/>
      <c r="BK4" s="14"/>
      <c r="BL4" s="14"/>
      <c r="BM4" s="14"/>
      <c r="BN4" s="14"/>
      <c r="BO4" s="14"/>
      <c r="BP4" s="14"/>
      <c r="BQ4" s="14"/>
      <c r="BR4" s="14"/>
      <c r="BS4" s="12"/>
      <c r="BV4" s="14"/>
      <c r="BW4" s="14"/>
      <c r="BX4" s="14"/>
      <c r="BY4" s="14"/>
      <c r="BZ4" s="39"/>
      <c r="CA4" s="39"/>
      <c r="CB4" s="39"/>
      <c r="CC4" s="39"/>
      <c r="CD4" s="39"/>
      <c r="CE4" s="39"/>
      <c r="CF4" s="39"/>
      <c r="CG4" s="39"/>
    </row>
    <row r="5" spans="1:149" s="8" customFormat="1" ht="13.5" customHeight="1" x14ac:dyDescent="0.55000000000000004">
      <c r="A5" s="514" t="s">
        <v>71</v>
      </c>
      <c r="B5" s="514"/>
      <c r="C5" s="514"/>
      <c r="D5" s="514"/>
      <c r="E5" s="514"/>
      <c r="F5" s="514"/>
      <c r="G5" s="514"/>
      <c r="H5" s="514"/>
      <c r="I5" s="514"/>
      <c r="J5" s="514"/>
      <c r="K5" s="514"/>
      <c r="L5" s="514"/>
      <c r="M5" s="514"/>
      <c r="N5" s="514"/>
      <c r="O5" s="514"/>
      <c r="P5" s="514"/>
      <c r="Q5" s="514"/>
      <c r="R5" s="514"/>
      <c r="S5" s="514"/>
      <c r="T5" s="514"/>
      <c r="U5" s="514"/>
      <c r="V5" s="514"/>
      <c r="W5" s="514"/>
      <c r="X5" s="514"/>
      <c r="Y5" s="514"/>
      <c r="Z5" s="514"/>
      <c r="AA5" s="514"/>
      <c r="AB5" s="514"/>
      <c r="AC5" s="514"/>
      <c r="AD5" s="514"/>
      <c r="AE5" s="514"/>
      <c r="AF5" s="514"/>
      <c r="AG5" s="514"/>
      <c r="AH5" s="514"/>
      <c r="AI5" s="514"/>
      <c r="AJ5" s="514"/>
      <c r="AK5" s="514"/>
      <c r="AL5" s="514"/>
      <c r="AM5" s="514"/>
      <c r="AN5" s="514"/>
      <c r="AO5" s="514"/>
      <c r="AP5" s="514"/>
      <c r="AQ5" s="514"/>
      <c r="AR5" s="514"/>
      <c r="AS5" s="514"/>
      <c r="AT5" s="514"/>
      <c r="AU5" s="514"/>
      <c r="AV5" s="514"/>
      <c r="AW5" s="514"/>
      <c r="AX5" s="514"/>
      <c r="AY5" s="514"/>
      <c r="AZ5" s="514"/>
      <c r="BA5" s="514"/>
      <c r="BB5" s="514"/>
      <c r="BC5" s="514"/>
      <c r="BD5" s="514"/>
      <c r="BE5" s="514"/>
      <c r="BF5" s="514"/>
      <c r="BG5" s="514"/>
      <c r="BH5" s="514"/>
      <c r="BI5" s="514"/>
      <c r="BJ5" s="514"/>
      <c r="BK5" s="514"/>
      <c r="BL5" s="514"/>
      <c r="BM5" s="514"/>
      <c r="BN5" s="514"/>
      <c r="BO5" s="514"/>
      <c r="BP5" s="514"/>
      <c r="BQ5" s="514"/>
      <c r="BR5" s="514"/>
      <c r="BS5" s="514"/>
      <c r="BT5" s="514"/>
      <c r="BU5" s="514"/>
      <c r="BV5" s="514"/>
      <c r="BW5" s="514"/>
      <c r="BX5" s="514"/>
      <c r="BY5" s="514"/>
      <c r="BZ5" s="514"/>
      <c r="CA5" s="514"/>
      <c r="CB5" s="514"/>
      <c r="CC5" s="514"/>
      <c r="CD5" s="514"/>
      <c r="CE5" s="514"/>
      <c r="CF5" s="514"/>
      <c r="CG5" s="514"/>
      <c r="CH5" s="514"/>
      <c r="CI5" s="514"/>
      <c r="CJ5" s="514"/>
      <c r="CK5" s="514"/>
      <c r="CL5" s="514"/>
      <c r="CM5" s="514"/>
    </row>
    <row r="6" spans="1:149" s="8" customFormat="1" ht="22.5" customHeight="1" x14ac:dyDescent="0.55000000000000004">
      <c r="A6" s="514"/>
      <c r="B6" s="514"/>
      <c r="C6" s="514"/>
      <c r="D6" s="514"/>
      <c r="E6" s="514"/>
      <c r="F6" s="514"/>
      <c r="G6" s="514"/>
      <c r="H6" s="514"/>
      <c r="I6" s="514"/>
      <c r="J6" s="514"/>
      <c r="K6" s="514"/>
      <c r="L6" s="514"/>
      <c r="M6" s="514"/>
      <c r="N6" s="514"/>
      <c r="O6" s="514"/>
      <c r="P6" s="514"/>
      <c r="Q6" s="514"/>
      <c r="R6" s="514"/>
      <c r="S6" s="514"/>
      <c r="T6" s="514"/>
      <c r="U6" s="514"/>
      <c r="V6" s="514"/>
      <c r="W6" s="514"/>
      <c r="X6" s="514"/>
      <c r="Y6" s="514"/>
      <c r="Z6" s="514"/>
      <c r="AA6" s="514"/>
      <c r="AB6" s="514"/>
      <c r="AC6" s="514"/>
      <c r="AD6" s="514"/>
      <c r="AE6" s="514"/>
      <c r="AF6" s="514"/>
      <c r="AG6" s="514"/>
      <c r="AH6" s="514"/>
      <c r="AI6" s="514"/>
      <c r="AJ6" s="514"/>
      <c r="AK6" s="514"/>
      <c r="AL6" s="514"/>
      <c r="AM6" s="514"/>
      <c r="AN6" s="514"/>
      <c r="AO6" s="514"/>
      <c r="AP6" s="514"/>
      <c r="AQ6" s="514"/>
      <c r="AR6" s="514"/>
      <c r="AS6" s="514"/>
      <c r="AT6" s="514"/>
      <c r="AU6" s="514"/>
      <c r="AV6" s="514"/>
      <c r="AW6" s="514"/>
      <c r="AX6" s="514"/>
      <c r="AY6" s="514"/>
      <c r="AZ6" s="514"/>
      <c r="BA6" s="514"/>
      <c r="BB6" s="514"/>
      <c r="BC6" s="514"/>
      <c r="BD6" s="514"/>
      <c r="BE6" s="514"/>
      <c r="BF6" s="514"/>
      <c r="BG6" s="514"/>
      <c r="BH6" s="514"/>
      <c r="BI6" s="514"/>
      <c r="BJ6" s="514"/>
      <c r="BK6" s="514"/>
      <c r="BL6" s="514"/>
      <c r="BM6" s="514"/>
      <c r="BN6" s="514"/>
      <c r="BO6" s="514"/>
      <c r="BP6" s="514"/>
      <c r="BQ6" s="514"/>
      <c r="BR6" s="514"/>
      <c r="BS6" s="514"/>
      <c r="BT6" s="514"/>
      <c r="BU6" s="514"/>
      <c r="BV6" s="514"/>
      <c r="BW6" s="514"/>
      <c r="BX6" s="514"/>
      <c r="BY6" s="514"/>
      <c r="BZ6" s="514"/>
      <c r="CA6" s="514"/>
      <c r="CB6" s="514"/>
      <c r="CC6" s="514"/>
      <c r="CD6" s="514"/>
      <c r="CE6" s="514"/>
      <c r="CF6" s="514"/>
      <c r="CG6" s="514"/>
      <c r="CH6" s="514"/>
      <c r="CI6" s="514"/>
      <c r="CJ6" s="514"/>
      <c r="CK6" s="514"/>
      <c r="CL6" s="514"/>
      <c r="CM6" s="514"/>
    </row>
    <row r="7" spans="1:149" s="8" customFormat="1" ht="13.5" customHeight="1" x14ac:dyDescent="0.55000000000000004">
      <c r="A7" s="78"/>
      <c r="B7" s="78"/>
      <c r="C7" s="78"/>
      <c r="D7" s="78"/>
      <c r="E7" s="78"/>
      <c r="F7" s="78"/>
      <c r="G7" s="78"/>
      <c r="H7" s="78"/>
      <c r="I7" s="78"/>
      <c r="J7" s="78"/>
      <c r="K7" s="78"/>
      <c r="L7" s="78"/>
      <c r="M7" s="78"/>
      <c r="N7" s="78"/>
      <c r="O7" s="78"/>
      <c r="P7" s="78"/>
      <c r="Q7" s="78"/>
      <c r="R7" s="78"/>
      <c r="S7" s="78"/>
      <c r="T7" s="78"/>
      <c r="U7" s="78"/>
      <c r="V7" s="78"/>
      <c r="W7" s="78"/>
      <c r="X7" s="78"/>
      <c r="Y7" s="78"/>
      <c r="Z7" s="78"/>
      <c r="AA7" s="78"/>
      <c r="AB7" s="78"/>
      <c r="AC7" s="78"/>
      <c r="AD7" s="78"/>
      <c r="AE7" s="78"/>
      <c r="AF7" s="78"/>
      <c r="AG7" s="78"/>
      <c r="AH7" s="78"/>
      <c r="AI7" s="78"/>
      <c r="AJ7" s="78"/>
      <c r="AK7" s="78"/>
      <c r="AL7" s="78"/>
      <c r="AM7" s="78"/>
      <c r="AN7" s="78"/>
      <c r="AO7" s="78"/>
      <c r="AP7" s="78"/>
      <c r="AQ7" s="78"/>
      <c r="AR7" s="78"/>
      <c r="AS7" s="78"/>
      <c r="AT7" s="78"/>
      <c r="AU7" s="78"/>
      <c r="AV7" s="78"/>
      <c r="AW7" s="78"/>
      <c r="AX7" s="78"/>
      <c r="AY7" s="78"/>
      <c r="AZ7" s="78"/>
      <c r="BA7" s="78"/>
      <c r="BB7" s="78"/>
      <c r="BC7" s="78"/>
      <c r="BD7" s="78"/>
      <c r="BE7" s="78"/>
      <c r="BF7" s="78"/>
      <c r="BG7" s="78"/>
      <c r="BH7" s="78"/>
      <c r="BI7" s="78"/>
      <c r="BJ7" s="78"/>
      <c r="BK7" s="78"/>
      <c r="BL7" s="78"/>
      <c r="BM7" s="78"/>
      <c r="BN7" s="78"/>
      <c r="BO7" s="78"/>
    </row>
    <row r="8" spans="1:149" s="8" customFormat="1" ht="13" customHeight="1" x14ac:dyDescent="0.55000000000000004">
      <c r="A8" s="515" t="s">
        <v>72</v>
      </c>
      <c r="B8" s="515"/>
      <c r="C8" s="515"/>
      <c r="D8" s="515"/>
      <c r="E8" s="515"/>
      <c r="F8" s="515"/>
      <c r="G8" s="515"/>
      <c r="H8" s="515"/>
      <c r="I8" s="515"/>
      <c r="J8" s="515"/>
      <c r="K8" s="515"/>
      <c r="L8" s="515"/>
      <c r="M8" s="515"/>
      <c r="N8" s="515"/>
      <c r="O8" s="515"/>
      <c r="P8" s="515"/>
      <c r="Q8" s="515"/>
      <c r="R8" s="515"/>
      <c r="S8" s="515"/>
      <c r="T8" s="515"/>
      <c r="U8" s="56"/>
      <c r="V8" s="56"/>
      <c r="W8" s="56"/>
      <c r="X8" s="56"/>
      <c r="Y8" s="56"/>
      <c r="Z8" s="56"/>
      <c r="AA8" s="56"/>
      <c r="AB8" s="56"/>
      <c r="AC8" s="56"/>
      <c r="AD8" s="56"/>
      <c r="AE8" s="56"/>
      <c r="AF8" s="56"/>
      <c r="AG8" s="56"/>
      <c r="AH8" s="56"/>
      <c r="AI8" s="56"/>
      <c r="AJ8" s="56"/>
      <c r="AK8" s="56"/>
      <c r="AL8" s="56"/>
      <c r="AM8" s="56"/>
      <c r="AN8" s="56"/>
      <c r="AO8" s="56"/>
      <c r="AP8" s="56"/>
      <c r="AQ8" s="56"/>
      <c r="AR8" s="56"/>
      <c r="AS8" s="56"/>
      <c r="AT8" s="56"/>
      <c r="AU8" s="56"/>
      <c r="AV8" s="56"/>
      <c r="AW8" s="56"/>
      <c r="AX8" s="56"/>
      <c r="AY8" s="56"/>
      <c r="AZ8" s="56"/>
      <c r="BA8" s="56"/>
      <c r="BB8" s="56"/>
      <c r="BC8" s="56"/>
      <c r="BD8" s="56"/>
      <c r="BE8" s="56"/>
      <c r="BF8" s="56"/>
      <c r="BG8" s="56"/>
      <c r="BH8" s="56"/>
      <c r="BI8" s="56"/>
      <c r="BJ8" s="56"/>
      <c r="BK8" s="56"/>
      <c r="BL8" s="56"/>
      <c r="BM8" s="56"/>
      <c r="BN8" s="56"/>
      <c r="BO8" s="56"/>
      <c r="BP8" s="56"/>
      <c r="BQ8" s="56"/>
      <c r="BR8" s="56"/>
      <c r="BS8" s="56"/>
    </row>
    <row r="9" spans="1:149" s="8" customFormat="1" ht="5.5" customHeight="1" x14ac:dyDescent="0.55000000000000004">
      <c r="A9" s="56"/>
      <c r="B9" s="56"/>
      <c r="C9" s="56"/>
      <c r="D9" s="56"/>
      <c r="E9" s="56"/>
      <c r="F9" s="56"/>
      <c r="G9" s="56"/>
      <c r="H9" s="56"/>
      <c r="I9" s="56"/>
      <c r="J9" s="56"/>
      <c r="K9" s="56"/>
      <c r="L9" s="56"/>
      <c r="M9" s="56"/>
      <c r="N9" s="56"/>
      <c r="O9" s="56"/>
      <c r="P9" s="56"/>
      <c r="Q9" s="56"/>
      <c r="R9" s="56"/>
      <c r="S9" s="56"/>
      <c r="T9" s="56"/>
      <c r="U9" s="56"/>
      <c r="V9" s="56"/>
      <c r="W9" s="56"/>
      <c r="X9" s="56"/>
      <c r="Y9" s="56"/>
      <c r="Z9" s="56"/>
      <c r="AA9" s="56"/>
      <c r="AB9" s="56"/>
      <c r="AC9" s="56"/>
      <c r="AD9" s="56"/>
      <c r="AE9" s="56"/>
      <c r="AF9" s="56"/>
      <c r="AG9" s="56"/>
      <c r="AH9" s="56"/>
      <c r="AI9" s="56"/>
      <c r="AJ9" s="56"/>
      <c r="AK9" s="56"/>
      <c r="AL9" s="56"/>
      <c r="AM9" s="56"/>
      <c r="AN9" s="56"/>
      <c r="AO9" s="56"/>
      <c r="AP9" s="56"/>
      <c r="AQ9" s="56"/>
      <c r="AR9" s="56"/>
      <c r="AS9" s="56"/>
      <c r="AT9" s="56"/>
      <c r="AU9" s="56"/>
      <c r="AV9" s="56"/>
      <c r="AW9" s="56"/>
      <c r="AX9" s="56"/>
      <c r="AY9" s="56"/>
      <c r="AZ9" s="56"/>
      <c r="BA9" s="56"/>
      <c r="BB9" s="56"/>
      <c r="BC9" s="56"/>
      <c r="BD9" s="56"/>
      <c r="BE9" s="56"/>
      <c r="BF9" s="56"/>
      <c r="BG9" s="56"/>
      <c r="BH9" s="56"/>
      <c r="BI9" s="56"/>
      <c r="BJ9" s="56"/>
      <c r="BK9" s="56"/>
      <c r="BL9" s="56"/>
      <c r="BM9" s="56"/>
      <c r="BN9" s="56"/>
      <c r="BO9" s="56"/>
      <c r="BP9" s="56"/>
      <c r="BQ9" s="56"/>
      <c r="BR9" s="56"/>
      <c r="BS9" s="56"/>
    </row>
    <row r="10" spans="1:149" s="8" customFormat="1" ht="9" customHeight="1" x14ac:dyDescent="0.55000000000000004">
      <c r="A10" s="79"/>
      <c r="B10" s="516" t="s">
        <v>73</v>
      </c>
      <c r="C10" s="516"/>
      <c r="D10" s="516"/>
      <c r="E10" s="516"/>
      <c r="F10" s="516"/>
      <c r="G10" s="516"/>
      <c r="H10" s="516"/>
      <c r="I10" s="516"/>
      <c r="J10" s="516"/>
      <c r="K10" s="516"/>
      <c r="L10" s="516"/>
      <c r="M10" s="516"/>
      <c r="N10" s="516"/>
      <c r="O10" s="516"/>
      <c r="P10" s="516"/>
      <c r="Q10" s="516"/>
      <c r="R10" s="516"/>
      <c r="S10" s="516"/>
      <c r="T10" s="516"/>
      <c r="U10" s="516"/>
      <c r="V10" s="516"/>
      <c r="W10" s="516"/>
      <c r="X10" s="516"/>
      <c r="Y10" s="516"/>
      <c r="Z10" s="516"/>
      <c r="AA10" s="516"/>
      <c r="AB10" s="516"/>
      <c r="AC10" s="516"/>
      <c r="AD10" s="516"/>
      <c r="AE10" s="516"/>
      <c r="AF10" s="516"/>
      <c r="AG10" s="516"/>
      <c r="AH10" s="516"/>
      <c r="AI10" s="516"/>
      <c r="AJ10" s="516"/>
      <c r="AK10" s="516"/>
      <c r="AL10" s="516"/>
      <c r="AM10" s="516"/>
      <c r="AN10" s="516"/>
      <c r="AO10" s="516"/>
      <c r="AP10" s="516"/>
      <c r="AQ10" s="516"/>
      <c r="AR10" s="516"/>
      <c r="AS10" s="516"/>
      <c r="AT10" s="516"/>
      <c r="AU10" s="516"/>
      <c r="AV10" s="516"/>
      <c r="AW10" s="516"/>
      <c r="AX10" s="516"/>
      <c r="AY10" s="516"/>
      <c r="AZ10" s="516"/>
      <c r="BA10" s="516"/>
      <c r="BB10" s="516"/>
      <c r="BC10" s="516"/>
      <c r="BD10" s="516"/>
      <c r="BE10" s="516"/>
      <c r="BF10" s="516"/>
      <c r="BG10" s="516"/>
      <c r="BH10" s="516"/>
      <c r="BI10" s="516"/>
      <c r="BJ10" s="516"/>
      <c r="BK10" s="516"/>
      <c r="BL10" s="516"/>
      <c r="BM10" s="516"/>
      <c r="BN10" s="516"/>
      <c r="BO10" s="516"/>
      <c r="BP10" s="516"/>
      <c r="BQ10" s="516"/>
      <c r="BR10" s="516"/>
      <c r="BS10" s="516"/>
      <c r="BT10" s="516"/>
      <c r="BU10" s="516"/>
      <c r="BV10" s="516"/>
      <c r="BW10" s="516"/>
      <c r="BX10" s="516"/>
      <c r="BY10" s="516"/>
      <c r="BZ10" s="516"/>
      <c r="CA10" s="516"/>
      <c r="CB10" s="516"/>
      <c r="CC10" s="516"/>
      <c r="CD10" s="516"/>
      <c r="CE10" s="516"/>
      <c r="CF10" s="516"/>
      <c r="CG10" s="516"/>
      <c r="CH10" s="516"/>
      <c r="CI10" s="516"/>
      <c r="CJ10" s="516"/>
      <c r="CK10" s="516"/>
      <c r="CL10" s="516"/>
      <c r="CM10" s="516"/>
      <c r="CN10" s="516"/>
    </row>
    <row r="11" spans="1:149" s="8" customFormat="1" ht="9" customHeight="1" x14ac:dyDescent="0.55000000000000004">
      <c r="A11" s="56"/>
      <c r="B11" s="516"/>
      <c r="C11" s="516"/>
      <c r="D11" s="516"/>
      <c r="E11" s="516"/>
      <c r="F11" s="516"/>
      <c r="G11" s="516"/>
      <c r="H11" s="516"/>
      <c r="I11" s="516"/>
      <c r="J11" s="516"/>
      <c r="K11" s="516"/>
      <c r="L11" s="516"/>
      <c r="M11" s="516"/>
      <c r="N11" s="516"/>
      <c r="O11" s="516"/>
      <c r="P11" s="516"/>
      <c r="Q11" s="516"/>
      <c r="R11" s="516"/>
      <c r="S11" s="516"/>
      <c r="T11" s="516"/>
      <c r="U11" s="516"/>
      <c r="V11" s="516"/>
      <c r="W11" s="516"/>
      <c r="X11" s="516"/>
      <c r="Y11" s="516"/>
      <c r="Z11" s="516"/>
      <c r="AA11" s="516"/>
      <c r="AB11" s="516"/>
      <c r="AC11" s="516"/>
      <c r="AD11" s="516"/>
      <c r="AE11" s="516"/>
      <c r="AF11" s="516"/>
      <c r="AG11" s="516"/>
      <c r="AH11" s="516"/>
      <c r="AI11" s="516"/>
      <c r="AJ11" s="516"/>
      <c r="AK11" s="516"/>
      <c r="AL11" s="516"/>
      <c r="AM11" s="516"/>
      <c r="AN11" s="516"/>
      <c r="AO11" s="516"/>
      <c r="AP11" s="516"/>
      <c r="AQ11" s="516"/>
      <c r="AR11" s="516"/>
      <c r="AS11" s="516"/>
      <c r="AT11" s="516"/>
      <c r="AU11" s="516"/>
      <c r="AV11" s="516"/>
      <c r="AW11" s="516"/>
      <c r="AX11" s="516"/>
      <c r="AY11" s="516"/>
      <c r="AZ11" s="516"/>
      <c r="BA11" s="516"/>
      <c r="BB11" s="516"/>
      <c r="BC11" s="516"/>
      <c r="BD11" s="516"/>
      <c r="BE11" s="516"/>
      <c r="BF11" s="516"/>
      <c r="BG11" s="516"/>
      <c r="BH11" s="516"/>
      <c r="BI11" s="516"/>
      <c r="BJ11" s="516"/>
      <c r="BK11" s="516"/>
      <c r="BL11" s="516"/>
      <c r="BM11" s="516"/>
      <c r="BN11" s="516"/>
      <c r="BO11" s="516"/>
      <c r="BP11" s="516"/>
      <c r="BQ11" s="516"/>
      <c r="BR11" s="516"/>
      <c r="BS11" s="516"/>
      <c r="BT11" s="516"/>
      <c r="BU11" s="516"/>
      <c r="BV11" s="516"/>
      <c r="BW11" s="516"/>
      <c r="BX11" s="516"/>
      <c r="BY11" s="516"/>
      <c r="BZ11" s="516"/>
      <c r="CA11" s="516"/>
      <c r="CB11" s="516"/>
      <c r="CC11" s="516"/>
      <c r="CD11" s="516"/>
      <c r="CE11" s="516"/>
      <c r="CF11" s="516"/>
      <c r="CG11" s="516"/>
      <c r="CH11" s="516"/>
      <c r="CI11" s="516"/>
      <c r="CJ11" s="516"/>
      <c r="CK11" s="516"/>
      <c r="CL11" s="516"/>
      <c r="CM11" s="516"/>
      <c r="CN11" s="516"/>
    </row>
    <row r="12" spans="1:149" s="8" customFormat="1" ht="9" customHeight="1" x14ac:dyDescent="0.55000000000000004">
      <c r="A12" s="56"/>
      <c r="B12" s="516"/>
      <c r="C12" s="516"/>
      <c r="D12" s="516"/>
      <c r="E12" s="516"/>
      <c r="F12" s="516"/>
      <c r="G12" s="516"/>
      <c r="H12" s="516"/>
      <c r="I12" s="516"/>
      <c r="J12" s="516"/>
      <c r="K12" s="516"/>
      <c r="L12" s="516"/>
      <c r="M12" s="516"/>
      <c r="N12" s="516"/>
      <c r="O12" s="516"/>
      <c r="P12" s="516"/>
      <c r="Q12" s="516"/>
      <c r="R12" s="516"/>
      <c r="S12" s="516"/>
      <c r="T12" s="516"/>
      <c r="U12" s="516"/>
      <c r="V12" s="516"/>
      <c r="W12" s="516"/>
      <c r="X12" s="516"/>
      <c r="Y12" s="516"/>
      <c r="Z12" s="516"/>
      <c r="AA12" s="516"/>
      <c r="AB12" s="516"/>
      <c r="AC12" s="516"/>
      <c r="AD12" s="516"/>
      <c r="AE12" s="516"/>
      <c r="AF12" s="516"/>
      <c r="AG12" s="516"/>
      <c r="AH12" s="516"/>
      <c r="AI12" s="516"/>
      <c r="AJ12" s="516"/>
      <c r="AK12" s="516"/>
      <c r="AL12" s="516"/>
      <c r="AM12" s="516"/>
      <c r="AN12" s="516"/>
      <c r="AO12" s="516"/>
      <c r="AP12" s="516"/>
      <c r="AQ12" s="516"/>
      <c r="AR12" s="516"/>
      <c r="AS12" s="516"/>
      <c r="AT12" s="516"/>
      <c r="AU12" s="516"/>
      <c r="AV12" s="516"/>
      <c r="AW12" s="516"/>
      <c r="AX12" s="516"/>
      <c r="AY12" s="516"/>
      <c r="AZ12" s="516"/>
      <c r="BA12" s="516"/>
      <c r="BB12" s="516"/>
      <c r="BC12" s="516"/>
      <c r="BD12" s="516"/>
      <c r="BE12" s="516"/>
      <c r="BF12" s="516"/>
      <c r="BG12" s="516"/>
      <c r="BH12" s="516"/>
      <c r="BI12" s="516"/>
      <c r="BJ12" s="516"/>
      <c r="BK12" s="516"/>
      <c r="BL12" s="516"/>
      <c r="BM12" s="516"/>
      <c r="BN12" s="516"/>
      <c r="BO12" s="516"/>
      <c r="BP12" s="516"/>
      <c r="BQ12" s="516"/>
      <c r="BR12" s="516"/>
      <c r="BS12" s="516"/>
      <c r="BT12" s="516"/>
      <c r="BU12" s="516"/>
      <c r="BV12" s="516"/>
      <c r="BW12" s="516"/>
      <c r="BX12" s="516"/>
      <c r="BY12" s="516"/>
      <c r="BZ12" s="516"/>
      <c r="CA12" s="516"/>
      <c r="CB12" s="516"/>
      <c r="CC12" s="516"/>
      <c r="CD12" s="516"/>
      <c r="CE12" s="516"/>
      <c r="CF12" s="516"/>
      <c r="CG12" s="516"/>
      <c r="CH12" s="516"/>
      <c r="CI12" s="516"/>
      <c r="CJ12" s="516"/>
      <c r="CK12" s="516"/>
      <c r="CL12" s="516"/>
      <c r="CM12" s="516"/>
      <c r="CN12" s="516"/>
    </row>
    <row r="13" spans="1:149" s="8" customFormat="1" ht="11.5" customHeight="1" x14ac:dyDescent="0.55000000000000004">
      <c r="A13" s="56"/>
      <c r="B13" s="516"/>
      <c r="C13" s="516"/>
      <c r="D13" s="516"/>
      <c r="E13" s="516"/>
      <c r="F13" s="516"/>
      <c r="G13" s="516"/>
      <c r="H13" s="516"/>
      <c r="I13" s="516"/>
      <c r="J13" s="516"/>
      <c r="K13" s="516"/>
      <c r="L13" s="516"/>
      <c r="M13" s="516"/>
      <c r="N13" s="516"/>
      <c r="O13" s="516"/>
      <c r="P13" s="516"/>
      <c r="Q13" s="516"/>
      <c r="R13" s="516"/>
      <c r="S13" s="516"/>
      <c r="T13" s="516"/>
      <c r="U13" s="516"/>
      <c r="V13" s="516"/>
      <c r="W13" s="516"/>
      <c r="X13" s="516"/>
      <c r="Y13" s="516"/>
      <c r="Z13" s="516"/>
      <c r="AA13" s="516"/>
      <c r="AB13" s="516"/>
      <c r="AC13" s="516"/>
      <c r="AD13" s="516"/>
      <c r="AE13" s="516"/>
      <c r="AF13" s="516"/>
      <c r="AG13" s="516"/>
      <c r="AH13" s="516"/>
      <c r="AI13" s="516"/>
      <c r="AJ13" s="516"/>
      <c r="AK13" s="516"/>
      <c r="AL13" s="516"/>
      <c r="AM13" s="516"/>
      <c r="AN13" s="516"/>
      <c r="AO13" s="516"/>
      <c r="AP13" s="516"/>
      <c r="AQ13" s="516"/>
      <c r="AR13" s="516"/>
      <c r="AS13" s="516"/>
      <c r="AT13" s="516"/>
      <c r="AU13" s="516"/>
      <c r="AV13" s="516"/>
      <c r="AW13" s="516"/>
      <c r="AX13" s="516"/>
      <c r="AY13" s="516"/>
      <c r="AZ13" s="516"/>
      <c r="BA13" s="516"/>
      <c r="BB13" s="516"/>
      <c r="BC13" s="516"/>
      <c r="BD13" s="516"/>
      <c r="BE13" s="516"/>
      <c r="BF13" s="516"/>
      <c r="BG13" s="516"/>
      <c r="BH13" s="516"/>
      <c r="BI13" s="516"/>
      <c r="BJ13" s="516"/>
      <c r="BK13" s="516"/>
      <c r="BL13" s="516"/>
      <c r="BM13" s="516"/>
      <c r="BN13" s="516"/>
      <c r="BO13" s="516"/>
      <c r="BP13" s="516"/>
      <c r="BQ13" s="516"/>
      <c r="BR13" s="516"/>
      <c r="BS13" s="516"/>
      <c r="BT13" s="516"/>
      <c r="BU13" s="516"/>
      <c r="BV13" s="516"/>
      <c r="BW13" s="516"/>
      <c r="BX13" s="516"/>
      <c r="BY13" s="516"/>
      <c r="BZ13" s="516"/>
      <c r="CA13" s="516"/>
      <c r="CB13" s="516"/>
      <c r="CC13" s="516"/>
      <c r="CD13" s="516"/>
      <c r="CE13" s="516"/>
      <c r="CF13" s="516"/>
      <c r="CG13" s="516"/>
      <c r="CH13" s="516"/>
      <c r="CI13" s="516"/>
      <c r="CJ13" s="516"/>
      <c r="CK13" s="516"/>
      <c r="CL13" s="516"/>
      <c r="CM13" s="516"/>
      <c r="CN13" s="516"/>
    </row>
    <row r="14" spans="1:149" s="8" customFormat="1" ht="9" customHeight="1" x14ac:dyDescent="0.55000000000000004">
      <c r="A14" s="80"/>
      <c r="B14" s="81"/>
      <c r="C14" s="81"/>
      <c r="D14" s="81"/>
      <c r="E14" s="81"/>
      <c r="F14" s="81"/>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1"/>
      <c r="AM14" s="81"/>
      <c r="AN14" s="81"/>
      <c r="AO14" s="81"/>
      <c r="AP14" s="81"/>
      <c r="AQ14" s="81"/>
      <c r="AR14" s="81"/>
      <c r="AS14" s="81"/>
      <c r="AT14" s="81"/>
      <c r="AU14" s="81"/>
      <c r="AV14" s="81"/>
      <c r="AW14" s="81"/>
      <c r="AX14" s="81"/>
      <c r="AY14" s="81"/>
      <c r="AZ14" s="81"/>
      <c r="BA14" s="81"/>
      <c r="BB14" s="81"/>
      <c r="BC14" s="81"/>
      <c r="BD14" s="81"/>
      <c r="BE14" s="81"/>
      <c r="BF14" s="81"/>
      <c r="BG14" s="81"/>
      <c r="BH14" s="81"/>
      <c r="BI14" s="81"/>
      <c r="BJ14" s="81"/>
      <c r="BK14" s="81"/>
      <c r="BL14" s="81"/>
      <c r="BM14" s="81"/>
      <c r="BN14" s="81"/>
      <c r="BO14" s="81"/>
      <c r="BP14" s="81"/>
      <c r="BQ14" s="81"/>
      <c r="BR14" s="81"/>
      <c r="BS14" s="81"/>
    </row>
    <row r="15" spans="1:149" s="8" customFormat="1" ht="150.65" customHeight="1" x14ac:dyDescent="0.55000000000000004">
      <c r="A15" s="80"/>
      <c r="B15" s="82"/>
      <c r="C15" s="517" t="s">
        <v>74</v>
      </c>
      <c r="D15" s="518"/>
      <c r="E15" s="518"/>
      <c r="F15" s="518"/>
      <c r="G15" s="518"/>
      <c r="H15" s="518"/>
      <c r="I15" s="518"/>
      <c r="J15" s="518"/>
      <c r="K15" s="518"/>
      <c r="L15" s="518"/>
      <c r="M15" s="518"/>
      <c r="N15" s="518"/>
      <c r="O15" s="518"/>
      <c r="P15" s="518"/>
      <c r="Q15" s="518"/>
      <c r="R15" s="518"/>
      <c r="S15" s="518"/>
      <c r="T15" s="518"/>
      <c r="U15" s="518"/>
      <c r="V15" s="518"/>
      <c r="W15" s="518"/>
      <c r="X15" s="518"/>
      <c r="Y15" s="518"/>
      <c r="Z15" s="518"/>
      <c r="AA15" s="518"/>
      <c r="AB15" s="518"/>
      <c r="AC15" s="518"/>
      <c r="AD15" s="518"/>
      <c r="AE15" s="518"/>
      <c r="AF15" s="518"/>
      <c r="AG15" s="518"/>
      <c r="AH15" s="518"/>
      <c r="AI15" s="518"/>
      <c r="AJ15" s="518"/>
      <c r="AK15" s="518"/>
      <c r="AL15" s="518"/>
      <c r="AM15" s="518"/>
      <c r="AN15" s="518"/>
      <c r="AO15" s="518"/>
      <c r="AP15" s="518"/>
      <c r="AQ15" s="518"/>
      <c r="AR15" s="518"/>
      <c r="AS15" s="518"/>
      <c r="AT15" s="518"/>
      <c r="AU15" s="518"/>
      <c r="AV15" s="518"/>
      <c r="AW15" s="518"/>
      <c r="AX15" s="518"/>
      <c r="AY15" s="518"/>
      <c r="AZ15" s="518"/>
      <c r="BA15" s="518"/>
      <c r="BB15" s="518"/>
      <c r="BC15" s="518"/>
      <c r="BD15" s="518"/>
      <c r="BE15" s="518"/>
      <c r="BF15" s="518"/>
      <c r="BG15" s="518"/>
      <c r="BH15" s="518"/>
      <c r="BI15" s="518"/>
      <c r="BJ15" s="518"/>
      <c r="BK15" s="518"/>
      <c r="BL15" s="518"/>
      <c r="BM15" s="518"/>
      <c r="BN15" s="518"/>
      <c r="BO15" s="518"/>
      <c r="BP15" s="518"/>
      <c r="BQ15" s="518"/>
      <c r="BR15" s="518"/>
      <c r="BS15" s="518"/>
      <c r="BT15" s="518"/>
      <c r="BU15" s="518"/>
      <c r="BV15" s="518"/>
      <c r="BW15" s="518"/>
      <c r="BX15" s="518"/>
      <c r="BY15" s="518"/>
      <c r="BZ15" s="518"/>
      <c r="CA15" s="518"/>
      <c r="CB15" s="518"/>
      <c r="CC15" s="518"/>
      <c r="CD15" s="518"/>
      <c r="CE15" s="518"/>
      <c r="CF15" s="518"/>
      <c r="CG15" s="518"/>
      <c r="CH15" s="518"/>
      <c r="CI15" s="518"/>
      <c r="CJ15" s="518"/>
      <c r="CK15" s="518"/>
      <c r="CL15" s="518"/>
      <c r="CM15" s="518"/>
      <c r="CN15" s="518"/>
      <c r="CO15" s="519"/>
    </row>
    <row r="16" spans="1:149" s="8" customFormat="1" ht="13.5" customHeight="1" x14ac:dyDescent="0.55000000000000004">
      <c r="A16" s="80"/>
      <c r="B16" s="81"/>
      <c r="C16" s="81"/>
      <c r="D16" s="81"/>
      <c r="E16" s="81"/>
      <c r="F16" s="81"/>
      <c r="G16" s="81"/>
      <c r="H16" s="81"/>
      <c r="I16" s="81"/>
      <c r="J16" s="81"/>
      <c r="K16" s="81"/>
      <c r="L16" s="81"/>
      <c r="M16" s="81"/>
      <c r="N16" s="81"/>
      <c r="O16" s="81"/>
      <c r="P16" s="81"/>
      <c r="Q16" s="81"/>
      <c r="R16" s="81"/>
      <c r="S16" s="81"/>
      <c r="T16" s="81"/>
      <c r="U16" s="81"/>
      <c r="V16" s="81"/>
      <c r="W16" s="81"/>
      <c r="X16" s="81"/>
      <c r="Y16" s="81"/>
      <c r="Z16" s="81"/>
      <c r="AA16" s="81"/>
      <c r="AB16" s="81"/>
      <c r="AC16" s="81"/>
      <c r="AD16" s="81"/>
      <c r="AE16" s="81"/>
      <c r="AF16" s="81"/>
      <c r="AG16" s="81"/>
      <c r="AH16" s="81"/>
      <c r="AI16" s="81"/>
      <c r="AJ16" s="81"/>
      <c r="AK16" s="81"/>
      <c r="AL16" s="81"/>
      <c r="AM16" s="81"/>
      <c r="AN16" s="81"/>
      <c r="AO16" s="81"/>
      <c r="AP16" s="81"/>
      <c r="AQ16" s="81"/>
      <c r="AR16" s="81"/>
      <c r="AS16" s="81"/>
      <c r="AT16" s="81"/>
      <c r="AU16" s="81"/>
      <c r="AV16" s="81"/>
      <c r="AW16" s="81"/>
      <c r="AX16" s="81"/>
      <c r="AY16" s="81"/>
      <c r="AZ16" s="81"/>
      <c r="BA16" s="81"/>
      <c r="BB16" s="81"/>
      <c r="BC16" s="81"/>
      <c r="BD16" s="81"/>
      <c r="BE16" s="81"/>
      <c r="BF16" s="81"/>
      <c r="BG16" s="81"/>
      <c r="BH16" s="81"/>
      <c r="BI16" s="81"/>
      <c r="BJ16" s="81"/>
      <c r="BK16" s="81"/>
      <c r="BL16" s="81"/>
      <c r="BM16" s="81"/>
      <c r="BN16" s="81"/>
      <c r="BO16" s="81"/>
      <c r="BP16" s="81"/>
      <c r="BQ16" s="81"/>
      <c r="BR16" s="81"/>
      <c r="BS16" s="81"/>
    </row>
    <row r="17" spans="1:95" s="8" customFormat="1" ht="11.5" customHeight="1" x14ac:dyDescent="0.55000000000000004">
      <c r="A17" s="515" t="s">
        <v>75</v>
      </c>
      <c r="B17" s="515"/>
      <c r="C17" s="515"/>
      <c r="D17" s="515"/>
      <c r="E17" s="515"/>
      <c r="F17" s="515"/>
      <c r="G17" s="515"/>
      <c r="H17" s="515"/>
      <c r="I17" s="515"/>
      <c r="J17" s="515"/>
      <c r="K17" s="515"/>
      <c r="L17" s="515"/>
      <c r="M17" s="515"/>
      <c r="N17" s="515"/>
      <c r="O17" s="515"/>
      <c r="P17" s="515"/>
      <c r="Q17" s="515"/>
      <c r="R17" s="515"/>
      <c r="S17" s="515"/>
      <c r="T17" s="515"/>
      <c r="U17" s="83"/>
      <c r="V17" s="83"/>
      <c r="W17" s="83"/>
      <c r="X17" s="83"/>
      <c r="Y17" s="83"/>
      <c r="Z17" s="83"/>
      <c r="AA17" s="83"/>
      <c r="AB17" s="83"/>
      <c r="AC17" s="83"/>
      <c r="AD17" s="83"/>
      <c r="AE17" s="83"/>
      <c r="AF17" s="83"/>
      <c r="AG17" s="83"/>
      <c r="AH17" s="83"/>
      <c r="AI17" s="83"/>
      <c r="AJ17" s="83"/>
      <c r="AK17" s="83"/>
      <c r="AL17" s="83"/>
      <c r="AM17" s="83"/>
      <c r="AN17" s="83"/>
      <c r="AO17" s="83"/>
      <c r="AP17" s="83"/>
      <c r="AQ17" s="83"/>
      <c r="AR17" s="83"/>
      <c r="AS17" s="83"/>
      <c r="AT17" s="83"/>
      <c r="AU17" s="83"/>
      <c r="AV17" s="83"/>
      <c r="AW17" s="83"/>
      <c r="AX17" s="83"/>
      <c r="AY17" s="83"/>
      <c r="AZ17" s="83"/>
      <c r="BA17" s="83"/>
      <c r="BB17" s="83"/>
      <c r="BC17" s="83"/>
      <c r="BD17" s="83"/>
      <c r="BE17" s="83"/>
      <c r="BF17" s="83"/>
      <c r="BG17" s="83"/>
      <c r="BH17" s="83"/>
      <c r="BI17" s="83"/>
      <c r="BJ17" s="83"/>
      <c r="BK17" s="83"/>
      <c r="BL17" s="83"/>
      <c r="BM17" s="83"/>
      <c r="BN17" s="83"/>
      <c r="BO17" s="83"/>
      <c r="BP17" s="84"/>
      <c r="BQ17" s="84"/>
      <c r="BR17" s="84"/>
      <c r="BS17" s="84"/>
      <c r="BT17" s="7"/>
    </row>
    <row r="18" spans="1:95" s="8" customFormat="1" ht="11.25" customHeight="1" x14ac:dyDescent="0.55000000000000004">
      <c r="A18" s="83"/>
      <c r="B18" s="83"/>
      <c r="C18" s="83"/>
      <c r="D18" s="83"/>
      <c r="E18" s="83"/>
      <c r="F18" s="83"/>
      <c r="G18" s="83"/>
      <c r="H18" s="83"/>
      <c r="I18" s="83"/>
      <c r="J18" s="83"/>
      <c r="K18" s="83"/>
      <c r="L18" s="83"/>
      <c r="M18" s="83"/>
      <c r="N18" s="83"/>
      <c r="O18" s="83"/>
      <c r="P18" s="83"/>
      <c r="Q18" s="83"/>
      <c r="R18" s="83"/>
      <c r="S18" s="83"/>
      <c r="T18" s="83"/>
      <c r="U18" s="83"/>
      <c r="V18" s="83"/>
      <c r="W18" s="83"/>
      <c r="X18" s="83"/>
      <c r="Y18" s="83"/>
      <c r="Z18" s="83"/>
      <c r="AA18" s="83"/>
      <c r="AB18" s="83"/>
      <c r="AC18" s="83"/>
      <c r="AD18" s="83"/>
      <c r="AE18" s="83"/>
      <c r="AF18" s="83"/>
      <c r="AG18" s="83"/>
      <c r="AH18" s="83"/>
      <c r="AI18" s="83"/>
      <c r="AJ18" s="83"/>
      <c r="AK18" s="83"/>
      <c r="AL18" s="83"/>
      <c r="AM18" s="83"/>
      <c r="AN18" s="83"/>
      <c r="AO18" s="83"/>
      <c r="AP18" s="83"/>
      <c r="AQ18" s="83"/>
      <c r="AR18" s="83"/>
      <c r="AS18" s="83"/>
      <c r="AT18" s="83"/>
      <c r="AU18" s="83"/>
      <c r="AV18" s="83"/>
      <c r="AW18" s="83"/>
      <c r="AX18" s="83"/>
      <c r="AY18" s="83"/>
      <c r="AZ18" s="83"/>
      <c r="BA18" s="83"/>
      <c r="BB18" s="83"/>
      <c r="BC18" s="83"/>
      <c r="BD18" s="83"/>
      <c r="BE18" s="83"/>
      <c r="BF18" s="83"/>
      <c r="BG18" s="83"/>
      <c r="BH18" s="83"/>
      <c r="BI18" s="83"/>
      <c r="BJ18" s="83"/>
      <c r="BK18" s="83"/>
      <c r="BL18" s="83"/>
      <c r="BM18" s="83"/>
      <c r="BN18" s="83"/>
      <c r="BO18" s="83"/>
      <c r="BP18" s="84"/>
      <c r="BQ18" s="84"/>
      <c r="BR18" s="84"/>
      <c r="BS18" s="84"/>
      <c r="BT18" s="7"/>
    </row>
    <row r="19" spans="1:95" s="8" customFormat="1" ht="11.25" customHeight="1" x14ac:dyDescent="0.55000000000000004">
      <c r="A19" s="83"/>
      <c r="B19" s="520" t="s">
        <v>76</v>
      </c>
      <c r="C19" s="520"/>
      <c r="D19" s="520"/>
      <c r="E19" s="520"/>
      <c r="F19" s="520"/>
      <c r="G19" s="520"/>
      <c r="H19" s="520"/>
      <c r="I19" s="520"/>
      <c r="J19" s="520"/>
      <c r="K19" s="520"/>
      <c r="L19" s="520"/>
      <c r="M19" s="520"/>
      <c r="N19" s="520"/>
      <c r="O19" s="520"/>
      <c r="P19" s="520"/>
      <c r="Q19" s="520"/>
      <c r="R19" s="520"/>
      <c r="S19" s="520"/>
      <c r="T19" s="520"/>
      <c r="U19" s="520"/>
      <c r="V19" s="520"/>
      <c r="W19" s="520"/>
      <c r="X19" s="520"/>
      <c r="Y19" s="520"/>
      <c r="Z19" s="520"/>
      <c r="AA19" s="520"/>
      <c r="AB19" s="520"/>
      <c r="AC19" s="520"/>
      <c r="AD19" s="520"/>
      <c r="AE19" s="520"/>
      <c r="AF19" s="520"/>
      <c r="AG19" s="520"/>
      <c r="AH19" s="520"/>
      <c r="AI19" s="520"/>
      <c r="AJ19" s="520"/>
      <c r="AK19" s="520"/>
      <c r="AL19" s="520"/>
      <c r="AM19" s="520"/>
      <c r="AN19" s="520"/>
      <c r="AO19" s="520"/>
      <c r="AP19" s="520"/>
      <c r="AQ19" s="520"/>
      <c r="AR19" s="520"/>
      <c r="AS19" s="520"/>
      <c r="AT19" s="520"/>
      <c r="AU19" s="520"/>
      <c r="AV19" s="520"/>
      <c r="AW19" s="520"/>
      <c r="AX19" s="520"/>
      <c r="AY19" s="520"/>
      <c r="AZ19" s="520"/>
      <c r="BA19" s="520"/>
      <c r="BB19" s="520"/>
      <c r="BC19" s="520"/>
      <c r="BD19" s="520"/>
      <c r="BE19" s="520"/>
      <c r="BF19" s="520"/>
      <c r="BG19" s="520"/>
      <c r="BH19" s="520"/>
      <c r="BI19" s="520"/>
      <c r="BJ19" s="520"/>
      <c r="BK19" s="520"/>
      <c r="BL19" s="520"/>
      <c r="BM19" s="520"/>
      <c r="BN19" s="520"/>
      <c r="BO19" s="520"/>
      <c r="BP19" s="520"/>
      <c r="BQ19" s="520"/>
      <c r="BR19" s="520"/>
      <c r="BS19" s="520"/>
      <c r="BT19" s="520"/>
      <c r="BU19" s="520"/>
      <c r="BV19" s="520"/>
      <c r="BW19" s="520"/>
      <c r="BX19" s="520"/>
      <c r="BY19" s="520"/>
      <c r="BZ19" s="520"/>
      <c r="CA19" s="520"/>
      <c r="CB19" s="520"/>
      <c r="CC19" s="520"/>
      <c r="CD19" s="520"/>
      <c r="CE19" s="520"/>
      <c r="CF19" s="520"/>
      <c r="CG19" s="520"/>
      <c r="CH19" s="520"/>
      <c r="CI19" s="520"/>
      <c r="CJ19" s="520"/>
      <c r="CK19" s="520"/>
      <c r="CL19" s="520"/>
      <c r="CM19" s="520"/>
      <c r="CN19" s="520"/>
      <c r="CO19" s="520"/>
      <c r="CP19" s="520"/>
      <c r="CQ19" s="520"/>
    </row>
    <row r="20" spans="1:95" s="8" customFormat="1" ht="11.25" customHeight="1" x14ac:dyDescent="0.55000000000000004">
      <c r="A20" s="85"/>
      <c r="B20" s="520"/>
      <c r="C20" s="520"/>
      <c r="D20" s="520"/>
      <c r="E20" s="520"/>
      <c r="F20" s="520"/>
      <c r="G20" s="520"/>
      <c r="H20" s="520"/>
      <c r="I20" s="520"/>
      <c r="J20" s="520"/>
      <c r="K20" s="520"/>
      <c r="L20" s="520"/>
      <c r="M20" s="520"/>
      <c r="N20" s="520"/>
      <c r="O20" s="520"/>
      <c r="P20" s="520"/>
      <c r="Q20" s="520"/>
      <c r="R20" s="520"/>
      <c r="S20" s="520"/>
      <c r="T20" s="520"/>
      <c r="U20" s="520"/>
      <c r="V20" s="520"/>
      <c r="W20" s="520"/>
      <c r="X20" s="520"/>
      <c r="Y20" s="520"/>
      <c r="Z20" s="520"/>
      <c r="AA20" s="520"/>
      <c r="AB20" s="520"/>
      <c r="AC20" s="520"/>
      <c r="AD20" s="520"/>
      <c r="AE20" s="520"/>
      <c r="AF20" s="520"/>
      <c r="AG20" s="520"/>
      <c r="AH20" s="520"/>
      <c r="AI20" s="520"/>
      <c r="AJ20" s="520"/>
      <c r="AK20" s="520"/>
      <c r="AL20" s="520"/>
      <c r="AM20" s="520"/>
      <c r="AN20" s="520"/>
      <c r="AO20" s="520"/>
      <c r="AP20" s="520"/>
      <c r="AQ20" s="520"/>
      <c r="AR20" s="520"/>
      <c r="AS20" s="520"/>
      <c r="AT20" s="520"/>
      <c r="AU20" s="520"/>
      <c r="AV20" s="520"/>
      <c r="AW20" s="520"/>
      <c r="AX20" s="520"/>
      <c r="AY20" s="520"/>
      <c r="AZ20" s="520"/>
      <c r="BA20" s="520"/>
      <c r="BB20" s="520"/>
      <c r="BC20" s="520"/>
      <c r="BD20" s="520"/>
      <c r="BE20" s="520"/>
      <c r="BF20" s="520"/>
      <c r="BG20" s="520"/>
      <c r="BH20" s="520"/>
      <c r="BI20" s="520"/>
      <c r="BJ20" s="520"/>
      <c r="BK20" s="520"/>
      <c r="BL20" s="520"/>
      <c r="BM20" s="520"/>
      <c r="BN20" s="520"/>
      <c r="BO20" s="520"/>
      <c r="BP20" s="520"/>
      <c r="BQ20" s="520"/>
      <c r="BR20" s="520"/>
      <c r="BS20" s="520"/>
      <c r="BT20" s="520"/>
      <c r="BU20" s="520"/>
      <c r="BV20" s="520"/>
      <c r="BW20" s="520"/>
      <c r="BX20" s="520"/>
      <c r="BY20" s="520"/>
      <c r="BZ20" s="520"/>
      <c r="CA20" s="520"/>
      <c r="CB20" s="520"/>
      <c r="CC20" s="520"/>
      <c r="CD20" s="520"/>
      <c r="CE20" s="520"/>
      <c r="CF20" s="520"/>
      <c r="CG20" s="520"/>
      <c r="CH20" s="520"/>
      <c r="CI20" s="520"/>
      <c r="CJ20" s="520"/>
      <c r="CK20" s="520"/>
      <c r="CL20" s="520"/>
      <c r="CM20" s="520"/>
      <c r="CN20" s="520"/>
      <c r="CO20" s="520"/>
      <c r="CP20" s="520"/>
      <c r="CQ20" s="520"/>
    </row>
    <row r="21" spans="1:95" s="8" customFormat="1" ht="11.25" customHeight="1" x14ac:dyDescent="0.55000000000000004">
      <c r="A21" s="84"/>
      <c r="B21" s="520"/>
      <c r="C21" s="520"/>
      <c r="D21" s="520"/>
      <c r="E21" s="520"/>
      <c r="F21" s="520"/>
      <c r="G21" s="520"/>
      <c r="H21" s="520"/>
      <c r="I21" s="520"/>
      <c r="J21" s="520"/>
      <c r="K21" s="520"/>
      <c r="L21" s="520"/>
      <c r="M21" s="520"/>
      <c r="N21" s="520"/>
      <c r="O21" s="520"/>
      <c r="P21" s="520"/>
      <c r="Q21" s="520"/>
      <c r="R21" s="520"/>
      <c r="S21" s="520"/>
      <c r="T21" s="520"/>
      <c r="U21" s="520"/>
      <c r="V21" s="520"/>
      <c r="W21" s="520"/>
      <c r="X21" s="520"/>
      <c r="Y21" s="520"/>
      <c r="Z21" s="520"/>
      <c r="AA21" s="520"/>
      <c r="AB21" s="520"/>
      <c r="AC21" s="520"/>
      <c r="AD21" s="520"/>
      <c r="AE21" s="520"/>
      <c r="AF21" s="520"/>
      <c r="AG21" s="520"/>
      <c r="AH21" s="520"/>
      <c r="AI21" s="520"/>
      <c r="AJ21" s="520"/>
      <c r="AK21" s="520"/>
      <c r="AL21" s="520"/>
      <c r="AM21" s="520"/>
      <c r="AN21" s="520"/>
      <c r="AO21" s="520"/>
      <c r="AP21" s="520"/>
      <c r="AQ21" s="520"/>
      <c r="AR21" s="520"/>
      <c r="AS21" s="520"/>
      <c r="AT21" s="520"/>
      <c r="AU21" s="520"/>
      <c r="AV21" s="520"/>
      <c r="AW21" s="520"/>
      <c r="AX21" s="520"/>
      <c r="AY21" s="520"/>
      <c r="AZ21" s="520"/>
      <c r="BA21" s="520"/>
      <c r="BB21" s="520"/>
      <c r="BC21" s="520"/>
      <c r="BD21" s="520"/>
      <c r="BE21" s="520"/>
      <c r="BF21" s="520"/>
      <c r="BG21" s="520"/>
      <c r="BH21" s="520"/>
      <c r="BI21" s="520"/>
      <c r="BJ21" s="520"/>
      <c r="BK21" s="520"/>
      <c r="BL21" s="520"/>
      <c r="BM21" s="520"/>
      <c r="BN21" s="520"/>
      <c r="BO21" s="520"/>
      <c r="BP21" s="520"/>
      <c r="BQ21" s="520"/>
      <c r="BR21" s="520"/>
      <c r="BS21" s="520"/>
      <c r="BT21" s="520"/>
      <c r="BU21" s="520"/>
      <c r="BV21" s="520"/>
      <c r="BW21" s="520"/>
      <c r="BX21" s="520"/>
      <c r="BY21" s="520"/>
      <c r="BZ21" s="520"/>
      <c r="CA21" s="520"/>
      <c r="CB21" s="520"/>
      <c r="CC21" s="520"/>
      <c r="CD21" s="520"/>
      <c r="CE21" s="520"/>
      <c r="CF21" s="520"/>
      <c r="CG21" s="520"/>
      <c r="CH21" s="520"/>
      <c r="CI21" s="520"/>
      <c r="CJ21" s="520"/>
      <c r="CK21" s="520"/>
      <c r="CL21" s="520"/>
      <c r="CM21" s="520"/>
      <c r="CN21" s="520"/>
      <c r="CO21" s="520"/>
      <c r="CP21" s="520"/>
      <c r="CQ21" s="520"/>
    </row>
    <row r="22" spans="1:95" s="8" customFormat="1" ht="11.25" customHeight="1" x14ac:dyDescent="0.55000000000000004">
      <c r="A22" s="85"/>
      <c r="B22" s="520"/>
      <c r="C22" s="520"/>
      <c r="D22" s="520"/>
      <c r="E22" s="520"/>
      <c r="F22" s="520"/>
      <c r="G22" s="520"/>
      <c r="H22" s="520"/>
      <c r="I22" s="520"/>
      <c r="J22" s="520"/>
      <c r="K22" s="520"/>
      <c r="L22" s="520"/>
      <c r="M22" s="520"/>
      <c r="N22" s="520"/>
      <c r="O22" s="520"/>
      <c r="P22" s="520"/>
      <c r="Q22" s="520"/>
      <c r="R22" s="520"/>
      <c r="S22" s="520"/>
      <c r="T22" s="520"/>
      <c r="U22" s="520"/>
      <c r="V22" s="520"/>
      <c r="W22" s="520"/>
      <c r="X22" s="520"/>
      <c r="Y22" s="520"/>
      <c r="Z22" s="520"/>
      <c r="AA22" s="520"/>
      <c r="AB22" s="520"/>
      <c r="AC22" s="520"/>
      <c r="AD22" s="520"/>
      <c r="AE22" s="520"/>
      <c r="AF22" s="520"/>
      <c r="AG22" s="520"/>
      <c r="AH22" s="520"/>
      <c r="AI22" s="520"/>
      <c r="AJ22" s="520"/>
      <c r="AK22" s="520"/>
      <c r="AL22" s="520"/>
      <c r="AM22" s="520"/>
      <c r="AN22" s="520"/>
      <c r="AO22" s="520"/>
      <c r="AP22" s="520"/>
      <c r="AQ22" s="520"/>
      <c r="AR22" s="520"/>
      <c r="AS22" s="520"/>
      <c r="AT22" s="520"/>
      <c r="AU22" s="520"/>
      <c r="AV22" s="520"/>
      <c r="AW22" s="520"/>
      <c r="AX22" s="520"/>
      <c r="AY22" s="520"/>
      <c r="AZ22" s="520"/>
      <c r="BA22" s="520"/>
      <c r="BB22" s="520"/>
      <c r="BC22" s="520"/>
      <c r="BD22" s="520"/>
      <c r="BE22" s="520"/>
      <c r="BF22" s="520"/>
      <c r="BG22" s="520"/>
      <c r="BH22" s="520"/>
      <c r="BI22" s="520"/>
      <c r="BJ22" s="520"/>
      <c r="BK22" s="520"/>
      <c r="BL22" s="520"/>
      <c r="BM22" s="520"/>
      <c r="BN22" s="520"/>
      <c r="BO22" s="520"/>
      <c r="BP22" s="520"/>
      <c r="BQ22" s="520"/>
      <c r="BR22" s="520"/>
      <c r="BS22" s="520"/>
      <c r="BT22" s="520"/>
      <c r="BU22" s="520"/>
      <c r="BV22" s="520"/>
      <c r="BW22" s="520"/>
      <c r="BX22" s="520"/>
      <c r="BY22" s="520"/>
      <c r="BZ22" s="520"/>
      <c r="CA22" s="520"/>
      <c r="CB22" s="520"/>
      <c r="CC22" s="520"/>
      <c r="CD22" s="520"/>
      <c r="CE22" s="520"/>
      <c r="CF22" s="520"/>
      <c r="CG22" s="520"/>
      <c r="CH22" s="520"/>
      <c r="CI22" s="520"/>
      <c r="CJ22" s="520"/>
      <c r="CK22" s="520"/>
      <c r="CL22" s="520"/>
      <c r="CM22" s="520"/>
      <c r="CN22" s="520"/>
      <c r="CO22" s="520"/>
      <c r="CP22" s="520"/>
      <c r="CQ22" s="520"/>
    </row>
    <row r="23" spans="1:95" s="8" customFormat="1" ht="11.5" customHeight="1" x14ac:dyDescent="0.55000000000000004">
      <c r="A23" s="85"/>
      <c r="B23" s="520"/>
      <c r="C23" s="520"/>
      <c r="D23" s="520"/>
      <c r="E23" s="520"/>
      <c r="F23" s="520"/>
      <c r="G23" s="520"/>
      <c r="H23" s="520"/>
      <c r="I23" s="520"/>
      <c r="J23" s="520"/>
      <c r="K23" s="520"/>
      <c r="L23" s="520"/>
      <c r="M23" s="520"/>
      <c r="N23" s="520"/>
      <c r="O23" s="520"/>
      <c r="P23" s="520"/>
      <c r="Q23" s="520"/>
      <c r="R23" s="520"/>
      <c r="S23" s="520"/>
      <c r="T23" s="520"/>
      <c r="U23" s="520"/>
      <c r="V23" s="520"/>
      <c r="W23" s="520"/>
      <c r="X23" s="520"/>
      <c r="Y23" s="520"/>
      <c r="Z23" s="520"/>
      <c r="AA23" s="520"/>
      <c r="AB23" s="520"/>
      <c r="AC23" s="520"/>
      <c r="AD23" s="520"/>
      <c r="AE23" s="520"/>
      <c r="AF23" s="520"/>
      <c r="AG23" s="520"/>
      <c r="AH23" s="520"/>
      <c r="AI23" s="520"/>
      <c r="AJ23" s="520"/>
      <c r="AK23" s="520"/>
      <c r="AL23" s="520"/>
      <c r="AM23" s="520"/>
      <c r="AN23" s="520"/>
      <c r="AO23" s="520"/>
      <c r="AP23" s="520"/>
      <c r="AQ23" s="520"/>
      <c r="AR23" s="520"/>
      <c r="AS23" s="520"/>
      <c r="AT23" s="520"/>
      <c r="AU23" s="520"/>
      <c r="AV23" s="520"/>
      <c r="AW23" s="520"/>
      <c r="AX23" s="520"/>
      <c r="AY23" s="520"/>
      <c r="AZ23" s="520"/>
      <c r="BA23" s="520"/>
      <c r="BB23" s="520"/>
      <c r="BC23" s="520"/>
      <c r="BD23" s="520"/>
      <c r="BE23" s="520"/>
      <c r="BF23" s="520"/>
      <c r="BG23" s="520"/>
      <c r="BH23" s="520"/>
      <c r="BI23" s="520"/>
      <c r="BJ23" s="520"/>
      <c r="BK23" s="520"/>
      <c r="BL23" s="520"/>
      <c r="BM23" s="520"/>
      <c r="BN23" s="520"/>
      <c r="BO23" s="520"/>
      <c r="BP23" s="520"/>
      <c r="BQ23" s="520"/>
      <c r="BR23" s="520"/>
      <c r="BS23" s="520"/>
      <c r="BT23" s="520"/>
      <c r="BU23" s="520"/>
      <c r="BV23" s="520"/>
      <c r="BW23" s="520"/>
      <c r="BX23" s="520"/>
      <c r="BY23" s="520"/>
      <c r="BZ23" s="520"/>
      <c r="CA23" s="520"/>
      <c r="CB23" s="520"/>
      <c r="CC23" s="520"/>
      <c r="CD23" s="520"/>
      <c r="CE23" s="520"/>
      <c r="CF23" s="520"/>
      <c r="CG23" s="520"/>
      <c r="CH23" s="520"/>
      <c r="CI23" s="520"/>
      <c r="CJ23" s="520"/>
      <c r="CK23" s="520"/>
      <c r="CL23" s="520"/>
      <c r="CM23" s="520"/>
      <c r="CN23" s="520"/>
      <c r="CO23" s="520"/>
      <c r="CP23" s="520"/>
      <c r="CQ23" s="520"/>
    </row>
    <row r="24" spans="1:95" s="55" customFormat="1" ht="7.5" customHeight="1" x14ac:dyDescent="0.2">
      <c r="A24" s="85"/>
      <c r="B24" s="86"/>
      <c r="C24" s="86"/>
      <c r="D24" s="86"/>
      <c r="E24" s="86"/>
      <c r="F24" s="86"/>
      <c r="G24" s="86"/>
      <c r="H24" s="86"/>
      <c r="I24" s="86"/>
      <c r="J24" s="86"/>
      <c r="K24" s="86"/>
      <c r="L24" s="86"/>
      <c r="M24" s="86"/>
      <c r="N24" s="86"/>
      <c r="O24" s="86"/>
      <c r="P24" s="86"/>
      <c r="Q24" s="86"/>
      <c r="R24" s="86"/>
      <c r="S24" s="86"/>
      <c r="T24" s="86"/>
      <c r="U24" s="86"/>
      <c r="V24" s="86"/>
      <c r="W24" s="86"/>
      <c r="X24" s="86"/>
      <c r="Y24" s="86"/>
      <c r="Z24" s="86"/>
      <c r="AA24" s="86"/>
      <c r="AB24" s="86"/>
      <c r="AC24" s="86"/>
      <c r="AD24" s="86"/>
      <c r="AE24" s="86"/>
      <c r="AF24" s="86"/>
      <c r="AG24" s="86"/>
      <c r="AH24" s="86"/>
      <c r="AI24" s="86"/>
      <c r="AJ24" s="86"/>
      <c r="AK24" s="86"/>
      <c r="AL24" s="86"/>
      <c r="AM24" s="86"/>
      <c r="AN24" s="86"/>
      <c r="AO24" s="86"/>
      <c r="AP24" s="86"/>
      <c r="AQ24" s="86"/>
      <c r="AR24" s="86"/>
      <c r="AS24" s="86"/>
      <c r="AT24" s="86"/>
      <c r="AU24" s="86"/>
      <c r="AV24" s="86"/>
      <c r="AW24" s="86"/>
      <c r="AX24" s="86"/>
      <c r="AY24" s="86"/>
      <c r="AZ24" s="86"/>
      <c r="BA24" s="86"/>
      <c r="BB24" s="86"/>
      <c r="BC24" s="86"/>
      <c r="BD24" s="86"/>
      <c r="BE24" s="86"/>
      <c r="BF24" s="86"/>
      <c r="BG24" s="86"/>
      <c r="BH24" s="86"/>
      <c r="BI24" s="86"/>
      <c r="BJ24" s="86"/>
      <c r="BK24" s="86"/>
      <c r="BL24" s="86"/>
      <c r="BM24" s="86"/>
      <c r="BN24" s="86"/>
      <c r="BO24" s="86"/>
      <c r="BP24" s="86"/>
      <c r="BQ24" s="86"/>
      <c r="BR24" s="86"/>
      <c r="BS24" s="86"/>
      <c r="BT24" s="87"/>
      <c r="BU24" s="8"/>
      <c r="BV24" s="8"/>
      <c r="BW24" s="8"/>
      <c r="BX24" s="8"/>
      <c r="BY24" s="8"/>
      <c r="BZ24" s="8"/>
      <c r="CA24" s="8"/>
      <c r="CB24" s="8"/>
      <c r="CC24" s="8"/>
      <c r="CD24" s="8"/>
      <c r="CE24" s="8"/>
      <c r="CF24" s="8"/>
      <c r="CG24" s="8"/>
      <c r="CH24" s="8"/>
      <c r="CI24" s="8"/>
      <c r="CJ24" s="8"/>
      <c r="CK24" s="8"/>
      <c r="CL24" s="8"/>
      <c r="CM24" s="8"/>
      <c r="CN24" s="8"/>
      <c r="CO24" s="8"/>
      <c r="CP24" s="8"/>
      <c r="CQ24" s="8"/>
    </row>
    <row r="25" spans="1:95" s="8" customFormat="1" ht="10.5" customHeight="1" x14ac:dyDescent="0.55000000000000004">
      <c r="A25" s="55" t="s">
        <v>77</v>
      </c>
      <c r="B25" s="55"/>
      <c r="C25" s="55"/>
      <c r="D25" s="55"/>
      <c r="E25" s="55"/>
      <c r="F25" s="55"/>
      <c r="G25" s="55"/>
      <c r="H25" s="55"/>
      <c r="I25" s="55"/>
      <c r="J25" s="55"/>
      <c r="K25" s="55"/>
      <c r="L25" s="55"/>
      <c r="M25" s="55"/>
      <c r="N25" s="55"/>
      <c r="O25" s="55"/>
      <c r="P25" s="55"/>
      <c r="Q25" s="55"/>
      <c r="R25" s="55"/>
      <c r="S25" s="55"/>
      <c r="T25" s="55"/>
      <c r="U25" s="55"/>
      <c r="V25" s="55"/>
      <c r="W25" s="55"/>
      <c r="X25" s="55"/>
      <c r="Y25" s="55"/>
      <c r="Z25" s="55"/>
      <c r="AA25" s="55"/>
      <c r="AB25" s="55"/>
      <c r="AC25" s="55"/>
      <c r="AD25" s="55"/>
      <c r="AE25" s="55"/>
      <c r="AF25" s="55"/>
      <c r="AG25" s="55"/>
      <c r="AH25" s="55"/>
      <c r="AI25" s="55"/>
      <c r="AJ25" s="55"/>
      <c r="AK25" s="55"/>
      <c r="AL25" s="55"/>
      <c r="AM25" s="55"/>
      <c r="AN25" s="55"/>
      <c r="AO25" s="55"/>
      <c r="AP25" s="55"/>
      <c r="AQ25" s="55"/>
      <c r="AR25" s="55"/>
      <c r="AS25" s="55"/>
      <c r="AT25" s="55"/>
      <c r="AU25" s="55"/>
      <c r="AV25" s="55"/>
      <c r="AW25" s="55"/>
      <c r="AX25" s="55"/>
      <c r="AY25" s="55"/>
      <c r="AZ25" s="55"/>
      <c r="BA25" s="55"/>
      <c r="BB25" s="55"/>
      <c r="BC25" s="55"/>
      <c r="BD25" s="55"/>
      <c r="BE25" s="55"/>
      <c r="BF25" s="55"/>
      <c r="BG25" s="55"/>
      <c r="BH25" s="55"/>
      <c r="BI25" s="55"/>
      <c r="BJ25" s="55"/>
      <c r="BK25" s="55"/>
      <c r="BL25" s="55"/>
      <c r="BM25" s="55"/>
      <c r="BN25" s="55"/>
      <c r="BO25" s="55"/>
      <c r="BP25" s="55"/>
      <c r="BQ25" s="55"/>
      <c r="BR25" s="55"/>
      <c r="BS25" s="55"/>
      <c r="BT25" s="55"/>
      <c r="BU25" s="55"/>
      <c r="BV25" s="55"/>
      <c r="BW25" s="55"/>
      <c r="BX25" s="55"/>
      <c r="BY25" s="55"/>
      <c r="BZ25" s="55"/>
      <c r="CA25" s="55"/>
      <c r="CB25" s="55"/>
      <c r="CC25" s="55"/>
      <c r="CD25" s="55"/>
      <c r="CE25" s="55"/>
      <c r="CF25" s="55"/>
      <c r="CG25" s="55"/>
      <c r="CH25" s="55"/>
      <c r="CI25" s="55"/>
      <c r="CJ25" s="55"/>
      <c r="CK25" s="55"/>
      <c r="CL25" s="55"/>
      <c r="CM25" s="55"/>
      <c r="CN25" s="55"/>
      <c r="CO25" s="55"/>
      <c r="CP25" s="55"/>
      <c r="CQ25" s="55"/>
    </row>
    <row r="26" spans="1:95" s="8" customFormat="1" ht="6.75" customHeight="1" x14ac:dyDescent="0.2">
      <c r="A26" s="88"/>
      <c r="B26" s="88"/>
      <c r="C26" s="88"/>
      <c r="D26" s="88"/>
      <c r="E26" s="88"/>
      <c r="F26" s="88"/>
      <c r="G26" s="88"/>
      <c r="H26" s="88"/>
      <c r="I26" s="88"/>
      <c r="J26" s="88"/>
      <c r="K26" s="88"/>
      <c r="L26" s="88"/>
      <c r="M26" s="88"/>
      <c r="N26" s="88"/>
      <c r="O26" s="88"/>
      <c r="P26" s="88"/>
      <c r="Q26" s="88"/>
      <c r="R26" s="88"/>
      <c r="S26" s="88"/>
      <c r="T26" s="88"/>
      <c r="U26" s="88"/>
      <c r="V26" s="88"/>
      <c r="W26" s="88"/>
      <c r="X26" s="88"/>
      <c r="Y26" s="88"/>
      <c r="Z26" s="88"/>
      <c r="AA26" s="88"/>
      <c r="AB26" s="88"/>
      <c r="AC26" s="88"/>
      <c r="AD26" s="88"/>
      <c r="AE26" s="88"/>
      <c r="AF26" s="88"/>
      <c r="AG26" s="88"/>
      <c r="AH26" s="88"/>
      <c r="AI26" s="88"/>
      <c r="AJ26" s="88"/>
      <c r="AK26" s="88"/>
      <c r="AL26" s="88"/>
      <c r="AM26" s="88"/>
      <c r="AN26" s="88"/>
      <c r="AO26" s="88"/>
      <c r="AP26" s="88"/>
      <c r="AQ26" s="88"/>
      <c r="AR26" s="88"/>
      <c r="AS26" s="88"/>
      <c r="AT26" s="88"/>
      <c r="AU26" s="88"/>
      <c r="AV26" s="88"/>
      <c r="AW26" s="88"/>
      <c r="AX26" s="88"/>
      <c r="AY26" s="88"/>
      <c r="AZ26" s="88"/>
      <c r="BA26" s="88"/>
      <c r="BB26" s="88"/>
      <c r="BC26" s="88"/>
      <c r="BD26" s="88"/>
      <c r="BE26" s="88"/>
      <c r="BF26" s="88"/>
      <c r="BG26" s="88"/>
      <c r="BH26" s="88"/>
      <c r="BI26" s="88"/>
      <c r="BJ26" s="88"/>
      <c r="BK26" s="88"/>
      <c r="BL26" s="88"/>
      <c r="BM26" s="88"/>
      <c r="BN26" s="88"/>
      <c r="BO26" s="88"/>
      <c r="BT26" s="87"/>
    </row>
    <row r="27" spans="1:95" s="8" customFormat="1" ht="6.75" customHeight="1" x14ac:dyDescent="0.55000000000000004">
      <c r="A27" s="521" t="s">
        <v>78</v>
      </c>
      <c r="B27" s="521"/>
      <c r="C27" s="521"/>
      <c r="D27" s="521"/>
      <c r="E27" s="521"/>
      <c r="F27" s="521"/>
      <c r="G27" s="521"/>
      <c r="H27" s="521"/>
      <c r="I27" s="521"/>
      <c r="J27" s="521"/>
      <c r="K27" s="521"/>
      <c r="L27" s="521"/>
      <c r="M27" s="521"/>
      <c r="N27" s="521"/>
      <c r="O27" s="521"/>
      <c r="P27" s="521"/>
      <c r="Q27" s="521"/>
      <c r="R27" s="521"/>
      <c r="S27" s="521"/>
      <c r="T27" s="521"/>
      <c r="U27" s="521"/>
      <c r="V27" s="521"/>
      <c r="W27" s="521"/>
      <c r="X27" s="521"/>
      <c r="Y27" s="521"/>
      <c r="Z27" s="521"/>
      <c r="AA27" s="521"/>
      <c r="AB27" s="521"/>
      <c r="AC27" s="521"/>
      <c r="AD27" s="521"/>
      <c r="AE27" s="521"/>
      <c r="AF27" s="521"/>
      <c r="AG27" s="521"/>
      <c r="AH27" s="521"/>
      <c r="AI27" s="521"/>
      <c r="AJ27" s="521"/>
      <c r="AK27" s="521"/>
      <c r="AL27" s="521"/>
      <c r="AM27" s="521"/>
      <c r="AN27" s="521"/>
      <c r="AO27" s="521"/>
      <c r="AP27" s="521"/>
      <c r="AQ27" s="521"/>
      <c r="AR27" s="521"/>
      <c r="AS27" s="521"/>
      <c r="AT27" s="521"/>
      <c r="AU27" s="521"/>
      <c r="AV27" s="521"/>
      <c r="AW27" s="521"/>
      <c r="AX27" s="521"/>
      <c r="AY27" s="521"/>
      <c r="AZ27" s="521"/>
      <c r="BA27" s="521"/>
      <c r="BB27" s="521"/>
      <c r="BC27" s="521"/>
      <c r="BD27" s="521"/>
      <c r="BE27" s="521"/>
      <c r="BF27" s="521"/>
      <c r="BG27" s="521"/>
      <c r="BH27" s="521"/>
      <c r="BI27" s="521"/>
      <c r="BJ27" s="521"/>
      <c r="BK27" s="521"/>
      <c r="BL27" s="521"/>
      <c r="BM27" s="521"/>
      <c r="BN27" s="521"/>
      <c r="BO27" s="521"/>
      <c r="BP27" s="521"/>
      <c r="BQ27" s="521"/>
      <c r="BR27" s="521"/>
      <c r="BS27" s="521"/>
      <c r="BT27" s="521"/>
      <c r="BU27" s="521"/>
      <c r="BV27" s="521"/>
      <c r="BW27" s="521"/>
      <c r="BX27" s="521"/>
      <c r="BY27" s="521"/>
      <c r="BZ27" s="521"/>
      <c r="CA27" s="521"/>
      <c r="CB27" s="521"/>
      <c r="CC27" s="521"/>
      <c r="CD27" s="521"/>
      <c r="CE27" s="521"/>
      <c r="CF27" s="521"/>
      <c r="CG27" s="521"/>
      <c r="CH27" s="521"/>
      <c r="CI27" s="521"/>
      <c r="CJ27" s="521"/>
      <c r="CK27" s="521"/>
      <c r="CL27" s="521"/>
      <c r="CM27" s="521"/>
      <c r="CN27" s="521"/>
      <c r="CO27" s="521"/>
      <c r="CP27" s="521"/>
      <c r="CQ27" s="521"/>
    </row>
    <row r="28" spans="1:95" s="8" customFormat="1" ht="6.75" customHeight="1" x14ac:dyDescent="0.55000000000000004">
      <c r="A28" s="521"/>
      <c r="B28" s="521"/>
      <c r="C28" s="521"/>
      <c r="D28" s="521"/>
      <c r="E28" s="521"/>
      <c r="F28" s="521"/>
      <c r="G28" s="521"/>
      <c r="H28" s="521"/>
      <c r="I28" s="521"/>
      <c r="J28" s="521"/>
      <c r="K28" s="521"/>
      <c r="L28" s="521"/>
      <c r="M28" s="521"/>
      <c r="N28" s="521"/>
      <c r="O28" s="521"/>
      <c r="P28" s="521"/>
      <c r="Q28" s="521"/>
      <c r="R28" s="521"/>
      <c r="S28" s="521"/>
      <c r="T28" s="521"/>
      <c r="U28" s="521"/>
      <c r="V28" s="521"/>
      <c r="W28" s="521"/>
      <c r="X28" s="521"/>
      <c r="Y28" s="521"/>
      <c r="Z28" s="521"/>
      <c r="AA28" s="521"/>
      <c r="AB28" s="521"/>
      <c r="AC28" s="521"/>
      <c r="AD28" s="521"/>
      <c r="AE28" s="521"/>
      <c r="AF28" s="521"/>
      <c r="AG28" s="521"/>
      <c r="AH28" s="521"/>
      <c r="AI28" s="521"/>
      <c r="AJ28" s="521"/>
      <c r="AK28" s="521"/>
      <c r="AL28" s="521"/>
      <c r="AM28" s="521"/>
      <c r="AN28" s="521"/>
      <c r="AO28" s="521"/>
      <c r="AP28" s="521"/>
      <c r="AQ28" s="521"/>
      <c r="AR28" s="521"/>
      <c r="AS28" s="521"/>
      <c r="AT28" s="521"/>
      <c r="AU28" s="521"/>
      <c r="AV28" s="521"/>
      <c r="AW28" s="521"/>
      <c r="AX28" s="521"/>
      <c r="AY28" s="521"/>
      <c r="AZ28" s="521"/>
      <c r="BA28" s="521"/>
      <c r="BB28" s="521"/>
      <c r="BC28" s="521"/>
      <c r="BD28" s="521"/>
      <c r="BE28" s="521"/>
      <c r="BF28" s="521"/>
      <c r="BG28" s="521"/>
      <c r="BH28" s="521"/>
      <c r="BI28" s="521"/>
      <c r="BJ28" s="521"/>
      <c r="BK28" s="521"/>
      <c r="BL28" s="521"/>
      <c r="BM28" s="521"/>
      <c r="BN28" s="521"/>
      <c r="BO28" s="521"/>
      <c r="BP28" s="521"/>
      <c r="BQ28" s="521"/>
      <c r="BR28" s="521"/>
      <c r="BS28" s="521"/>
      <c r="BT28" s="521"/>
      <c r="BU28" s="521"/>
      <c r="BV28" s="521"/>
      <c r="BW28" s="521"/>
      <c r="BX28" s="521"/>
      <c r="BY28" s="521"/>
      <c r="BZ28" s="521"/>
      <c r="CA28" s="521"/>
      <c r="CB28" s="521"/>
      <c r="CC28" s="521"/>
      <c r="CD28" s="521"/>
      <c r="CE28" s="521"/>
      <c r="CF28" s="521"/>
      <c r="CG28" s="521"/>
      <c r="CH28" s="521"/>
      <c r="CI28" s="521"/>
      <c r="CJ28" s="521"/>
      <c r="CK28" s="521"/>
      <c r="CL28" s="521"/>
      <c r="CM28" s="521"/>
      <c r="CN28" s="521"/>
      <c r="CO28" s="521"/>
      <c r="CP28" s="521"/>
      <c r="CQ28" s="521"/>
    </row>
    <row r="29" spans="1:95" s="8" customFormat="1" ht="5.25" customHeight="1" x14ac:dyDescent="0.55000000000000004">
      <c r="A29" s="521"/>
      <c r="B29" s="521"/>
      <c r="C29" s="521"/>
      <c r="D29" s="521"/>
      <c r="E29" s="521"/>
      <c r="F29" s="521"/>
      <c r="G29" s="521"/>
      <c r="H29" s="521"/>
      <c r="I29" s="521"/>
      <c r="J29" s="521"/>
      <c r="K29" s="521"/>
      <c r="L29" s="521"/>
      <c r="M29" s="521"/>
      <c r="N29" s="521"/>
      <c r="O29" s="521"/>
      <c r="P29" s="521"/>
      <c r="Q29" s="521"/>
      <c r="R29" s="521"/>
      <c r="S29" s="521"/>
      <c r="T29" s="521"/>
      <c r="U29" s="521"/>
      <c r="V29" s="521"/>
      <c r="W29" s="521"/>
      <c r="X29" s="521"/>
      <c r="Y29" s="521"/>
      <c r="Z29" s="521"/>
      <c r="AA29" s="521"/>
      <c r="AB29" s="521"/>
      <c r="AC29" s="521"/>
      <c r="AD29" s="521"/>
      <c r="AE29" s="521"/>
      <c r="AF29" s="521"/>
      <c r="AG29" s="521"/>
      <c r="AH29" s="521"/>
      <c r="AI29" s="521"/>
      <c r="AJ29" s="521"/>
      <c r="AK29" s="521"/>
      <c r="AL29" s="521"/>
      <c r="AM29" s="521"/>
      <c r="AN29" s="521"/>
      <c r="AO29" s="521"/>
      <c r="AP29" s="521"/>
      <c r="AQ29" s="521"/>
      <c r="AR29" s="521"/>
      <c r="AS29" s="521"/>
      <c r="AT29" s="521"/>
      <c r="AU29" s="521"/>
      <c r="AV29" s="521"/>
      <c r="AW29" s="521"/>
      <c r="AX29" s="521"/>
      <c r="AY29" s="521"/>
      <c r="AZ29" s="521"/>
      <c r="BA29" s="521"/>
      <c r="BB29" s="521"/>
      <c r="BC29" s="521"/>
      <c r="BD29" s="521"/>
      <c r="BE29" s="521"/>
      <c r="BF29" s="521"/>
      <c r="BG29" s="521"/>
      <c r="BH29" s="521"/>
      <c r="BI29" s="521"/>
      <c r="BJ29" s="521"/>
      <c r="BK29" s="521"/>
      <c r="BL29" s="521"/>
      <c r="BM29" s="521"/>
      <c r="BN29" s="521"/>
      <c r="BO29" s="521"/>
      <c r="BP29" s="521"/>
      <c r="BQ29" s="521"/>
      <c r="BR29" s="521"/>
      <c r="BS29" s="521"/>
      <c r="BT29" s="521"/>
      <c r="BU29" s="521"/>
      <c r="BV29" s="521"/>
      <c r="BW29" s="521"/>
      <c r="BX29" s="521"/>
      <c r="BY29" s="521"/>
      <c r="BZ29" s="521"/>
      <c r="CA29" s="521"/>
      <c r="CB29" s="521"/>
      <c r="CC29" s="521"/>
      <c r="CD29" s="521"/>
      <c r="CE29" s="521"/>
      <c r="CF29" s="521"/>
      <c r="CG29" s="521"/>
      <c r="CH29" s="521"/>
      <c r="CI29" s="521"/>
      <c r="CJ29" s="521"/>
      <c r="CK29" s="521"/>
      <c r="CL29" s="521"/>
      <c r="CM29" s="521"/>
      <c r="CN29" s="521"/>
      <c r="CO29" s="521"/>
      <c r="CP29" s="521"/>
      <c r="CQ29" s="521"/>
    </row>
    <row r="30" spans="1:95" s="8" customFormat="1" ht="10" customHeight="1" x14ac:dyDescent="0.2">
      <c r="A30" s="19"/>
      <c r="B30" s="79"/>
      <c r="C30" s="79"/>
      <c r="D30" s="79"/>
      <c r="E30" s="79"/>
      <c r="F30" s="79"/>
      <c r="G30" s="79"/>
      <c r="H30" s="79"/>
      <c r="I30" s="79"/>
      <c r="J30" s="79"/>
      <c r="K30" s="79"/>
      <c r="L30" s="79"/>
      <c r="M30" s="79"/>
      <c r="N30" s="79"/>
      <c r="O30" s="79"/>
      <c r="P30" s="79"/>
      <c r="Q30" s="79"/>
      <c r="R30" s="79"/>
      <c r="S30" s="79"/>
      <c r="T30" s="79"/>
      <c r="U30" s="79"/>
      <c r="V30" s="79"/>
      <c r="W30" s="79"/>
      <c r="X30" s="79"/>
      <c r="Y30" s="79"/>
      <c r="Z30" s="79"/>
      <c r="AA30" s="79"/>
      <c r="AB30" s="79"/>
      <c r="AC30" s="79"/>
      <c r="AD30" s="79"/>
      <c r="AE30" s="79"/>
      <c r="AF30" s="79"/>
      <c r="AG30" s="79"/>
      <c r="AH30" s="79"/>
      <c r="AI30" s="79"/>
      <c r="AJ30" s="79"/>
      <c r="AK30" s="79"/>
      <c r="AL30" s="79"/>
      <c r="AM30" s="79"/>
      <c r="AN30" s="79"/>
      <c r="AO30" s="79"/>
      <c r="AP30" s="79"/>
      <c r="AQ30" s="79"/>
      <c r="AR30" s="79"/>
      <c r="AS30" s="79"/>
      <c r="AT30" s="79"/>
      <c r="AU30" s="79"/>
      <c r="AV30" s="79"/>
      <c r="AW30" s="79"/>
      <c r="AX30" s="79"/>
      <c r="AY30" s="79"/>
      <c r="AZ30" s="79"/>
      <c r="BA30" s="79"/>
      <c r="BB30" s="79"/>
      <c r="BC30" s="79"/>
      <c r="BD30" s="79"/>
      <c r="BE30" s="79"/>
      <c r="BF30" s="79"/>
      <c r="BG30" s="79"/>
      <c r="BH30" s="79"/>
      <c r="BI30" s="79"/>
      <c r="BJ30" s="79"/>
      <c r="BK30" s="79"/>
      <c r="BL30" s="79"/>
      <c r="BM30" s="79"/>
      <c r="BN30" s="79"/>
      <c r="BO30" s="79"/>
      <c r="BP30" s="79"/>
      <c r="BQ30" s="79"/>
      <c r="BR30" s="79"/>
      <c r="BS30" s="79"/>
      <c r="BT30" s="87"/>
    </row>
    <row r="31" spans="1:95" s="8" customFormat="1" ht="10" customHeight="1" x14ac:dyDescent="0.55000000000000004">
      <c r="A31" s="76"/>
      <c r="B31" s="522" t="s">
        <v>79</v>
      </c>
      <c r="C31" s="522"/>
      <c r="D31" s="522"/>
      <c r="E31" s="522"/>
      <c r="F31" s="522"/>
      <c r="G31" s="522"/>
      <c r="H31" s="522"/>
      <c r="I31" s="522"/>
      <c r="J31" s="522"/>
      <c r="K31" s="522"/>
      <c r="L31" s="522"/>
      <c r="M31" s="522"/>
      <c r="N31" s="522"/>
      <c r="O31" s="522"/>
      <c r="P31" s="522"/>
      <c r="Q31" s="522"/>
      <c r="R31" s="522"/>
      <c r="S31" s="522"/>
      <c r="T31" s="522"/>
      <c r="U31" s="522"/>
      <c r="V31" s="522"/>
      <c r="W31" s="522"/>
      <c r="X31" s="522"/>
      <c r="Y31" s="522"/>
      <c r="Z31" s="522"/>
      <c r="AA31" s="522"/>
      <c r="AB31" s="522"/>
      <c r="AC31" s="522"/>
      <c r="AD31" s="522"/>
      <c r="AE31" s="522"/>
      <c r="AF31" s="522"/>
      <c r="AG31" s="522"/>
      <c r="AH31" s="522"/>
      <c r="AI31" s="522"/>
      <c r="AJ31" s="522"/>
      <c r="AK31" s="522"/>
      <c r="AL31" s="522"/>
      <c r="AM31" s="522"/>
      <c r="AN31" s="522"/>
      <c r="AO31" s="522"/>
      <c r="AP31" s="522"/>
      <c r="AQ31" s="522"/>
      <c r="AR31" s="522"/>
      <c r="AS31" s="522"/>
      <c r="AT31" s="522"/>
      <c r="AU31" s="522"/>
      <c r="AV31" s="522"/>
      <c r="AW31" s="522"/>
      <c r="AX31" s="522"/>
      <c r="AY31" s="522"/>
      <c r="AZ31" s="522"/>
      <c r="BA31" s="522"/>
      <c r="BB31" s="522"/>
      <c r="BC31" s="522"/>
      <c r="BD31" s="522"/>
      <c r="BE31" s="522"/>
      <c r="BF31" s="522"/>
      <c r="BG31" s="522"/>
      <c r="BH31" s="522"/>
      <c r="BI31" s="522"/>
      <c r="BJ31" s="522"/>
      <c r="BK31" s="522"/>
      <c r="BL31" s="522"/>
      <c r="BM31" s="522"/>
      <c r="BN31" s="522"/>
      <c r="BO31" s="522"/>
      <c r="BP31" s="522"/>
      <c r="BQ31" s="522"/>
      <c r="BR31" s="522"/>
      <c r="BS31" s="522"/>
      <c r="BT31" s="522"/>
      <c r="BU31" s="522"/>
      <c r="BV31" s="522"/>
      <c r="BW31" s="522"/>
      <c r="BX31" s="522"/>
      <c r="BY31" s="522"/>
      <c r="BZ31" s="522"/>
      <c r="CA31" s="522"/>
      <c r="CB31" s="522"/>
      <c r="CC31" s="522"/>
      <c r="CD31" s="522"/>
      <c r="CE31" s="522"/>
      <c r="CF31" s="522"/>
      <c r="CG31" s="522"/>
      <c r="CH31" s="522"/>
      <c r="CI31" s="522"/>
      <c r="CJ31" s="522"/>
      <c r="CK31" s="522"/>
      <c r="CL31" s="522"/>
      <c r="CM31" s="522"/>
      <c r="CN31" s="522"/>
      <c r="CO31" s="522"/>
      <c r="CP31" s="522"/>
      <c r="CQ31" s="522"/>
    </row>
    <row r="32" spans="1:95" s="8" customFormat="1" ht="10" customHeight="1" x14ac:dyDescent="0.55000000000000004">
      <c r="A32" s="74"/>
      <c r="B32" s="522"/>
      <c r="C32" s="522"/>
      <c r="D32" s="522"/>
      <c r="E32" s="522"/>
      <c r="F32" s="522"/>
      <c r="G32" s="522"/>
      <c r="H32" s="522"/>
      <c r="I32" s="522"/>
      <c r="J32" s="522"/>
      <c r="K32" s="522"/>
      <c r="L32" s="522"/>
      <c r="M32" s="522"/>
      <c r="N32" s="522"/>
      <c r="O32" s="522"/>
      <c r="P32" s="522"/>
      <c r="Q32" s="522"/>
      <c r="R32" s="522"/>
      <c r="S32" s="522"/>
      <c r="T32" s="522"/>
      <c r="U32" s="522"/>
      <c r="V32" s="522"/>
      <c r="W32" s="522"/>
      <c r="X32" s="522"/>
      <c r="Y32" s="522"/>
      <c r="Z32" s="522"/>
      <c r="AA32" s="522"/>
      <c r="AB32" s="522"/>
      <c r="AC32" s="522"/>
      <c r="AD32" s="522"/>
      <c r="AE32" s="522"/>
      <c r="AF32" s="522"/>
      <c r="AG32" s="522"/>
      <c r="AH32" s="522"/>
      <c r="AI32" s="522"/>
      <c r="AJ32" s="522"/>
      <c r="AK32" s="522"/>
      <c r="AL32" s="522"/>
      <c r="AM32" s="522"/>
      <c r="AN32" s="522"/>
      <c r="AO32" s="522"/>
      <c r="AP32" s="522"/>
      <c r="AQ32" s="522"/>
      <c r="AR32" s="522"/>
      <c r="AS32" s="522"/>
      <c r="AT32" s="522"/>
      <c r="AU32" s="522"/>
      <c r="AV32" s="522"/>
      <c r="AW32" s="522"/>
      <c r="AX32" s="522"/>
      <c r="AY32" s="522"/>
      <c r="AZ32" s="522"/>
      <c r="BA32" s="522"/>
      <c r="BB32" s="522"/>
      <c r="BC32" s="522"/>
      <c r="BD32" s="522"/>
      <c r="BE32" s="522"/>
      <c r="BF32" s="522"/>
      <c r="BG32" s="522"/>
      <c r="BH32" s="522"/>
      <c r="BI32" s="522"/>
      <c r="BJ32" s="522"/>
      <c r="BK32" s="522"/>
      <c r="BL32" s="522"/>
      <c r="BM32" s="522"/>
      <c r="BN32" s="522"/>
      <c r="BO32" s="522"/>
      <c r="BP32" s="522"/>
      <c r="BQ32" s="522"/>
      <c r="BR32" s="522"/>
      <c r="BS32" s="522"/>
      <c r="BT32" s="522"/>
      <c r="BU32" s="522"/>
      <c r="BV32" s="522"/>
      <c r="BW32" s="522"/>
      <c r="BX32" s="522"/>
      <c r="BY32" s="522"/>
      <c r="BZ32" s="522"/>
      <c r="CA32" s="522"/>
      <c r="CB32" s="522"/>
      <c r="CC32" s="522"/>
      <c r="CD32" s="522"/>
      <c r="CE32" s="522"/>
      <c r="CF32" s="522"/>
      <c r="CG32" s="522"/>
      <c r="CH32" s="522"/>
      <c r="CI32" s="522"/>
      <c r="CJ32" s="522"/>
      <c r="CK32" s="522"/>
      <c r="CL32" s="522"/>
      <c r="CM32" s="522"/>
      <c r="CN32" s="522"/>
      <c r="CO32" s="522"/>
      <c r="CP32" s="522"/>
      <c r="CQ32" s="522"/>
    </row>
    <row r="33" spans="1:95" s="8" customFormat="1" ht="10" customHeight="1" x14ac:dyDescent="0.55000000000000004">
      <c r="B33" s="522"/>
      <c r="C33" s="522"/>
      <c r="D33" s="522"/>
      <c r="E33" s="522"/>
      <c r="F33" s="522"/>
      <c r="G33" s="522"/>
      <c r="H33" s="522"/>
      <c r="I33" s="522"/>
      <c r="J33" s="522"/>
      <c r="K33" s="522"/>
      <c r="L33" s="522"/>
      <c r="M33" s="522"/>
      <c r="N33" s="522"/>
      <c r="O33" s="522"/>
      <c r="P33" s="522"/>
      <c r="Q33" s="522"/>
      <c r="R33" s="522"/>
      <c r="S33" s="522"/>
      <c r="T33" s="522"/>
      <c r="U33" s="522"/>
      <c r="V33" s="522"/>
      <c r="W33" s="522"/>
      <c r="X33" s="522"/>
      <c r="Y33" s="522"/>
      <c r="Z33" s="522"/>
      <c r="AA33" s="522"/>
      <c r="AB33" s="522"/>
      <c r="AC33" s="522"/>
      <c r="AD33" s="522"/>
      <c r="AE33" s="522"/>
      <c r="AF33" s="522"/>
      <c r="AG33" s="522"/>
      <c r="AH33" s="522"/>
      <c r="AI33" s="522"/>
      <c r="AJ33" s="522"/>
      <c r="AK33" s="522"/>
      <c r="AL33" s="522"/>
      <c r="AM33" s="522"/>
      <c r="AN33" s="522"/>
      <c r="AO33" s="522"/>
      <c r="AP33" s="522"/>
      <c r="AQ33" s="522"/>
      <c r="AR33" s="522"/>
      <c r="AS33" s="522"/>
      <c r="AT33" s="522"/>
      <c r="AU33" s="522"/>
      <c r="AV33" s="522"/>
      <c r="AW33" s="522"/>
      <c r="AX33" s="522"/>
      <c r="AY33" s="522"/>
      <c r="AZ33" s="522"/>
      <c r="BA33" s="522"/>
      <c r="BB33" s="522"/>
      <c r="BC33" s="522"/>
      <c r="BD33" s="522"/>
      <c r="BE33" s="522"/>
      <c r="BF33" s="522"/>
      <c r="BG33" s="522"/>
      <c r="BH33" s="522"/>
      <c r="BI33" s="522"/>
      <c r="BJ33" s="522"/>
      <c r="BK33" s="522"/>
      <c r="BL33" s="522"/>
      <c r="BM33" s="522"/>
      <c r="BN33" s="522"/>
      <c r="BO33" s="522"/>
      <c r="BP33" s="522"/>
      <c r="BQ33" s="522"/>
      <c r="BR33" s="522"/>
      <c r="BS33" s="522"/>
      <c r="BT33" s="522"/>
      <c r="BU33" s="522"/>
      <c r="BV33" s="522"/>
      <c r="BW33" s="522"/>
      <c r="BX33" s="522"/>
      <c r="BY33" s="522"/>
      <c r="BZ33" s="522"/>
      <c r="CA33" s="522"/>
      <c r="CB33" s="522"/>
      <c r="CC33" s="522"/>
      <c r="CD33" s="522"/>
      <c r="CE33" s="522"/>
      <c r="CF33" s="522"/>
      <c r="CG33" s="522"/>
      <c r="CH33" s="522"/>
      <c r="CI33" s="522"/>
      <c r="CJ33" s="522"/>
      <c r="CK33" s="522"/>
      <c r="CL33" s="522"/>
      <c r="CM33" s="522"/>
      <c r="CN33" s="522"/>
      <c r="CO33" s="522"/>
      <c r="CP33" s="522"/>
      <c r="CQ33" s="522"/>
    </row>
    <row r="34" spans="1:95" s="8" customFormat="1" ht="10" customHeight="1" x14ac:dyDescent="0.55000000000000004">
      <c r="A34" s="89"/>
      <c r="B34" s="522"/>
      <c r="C34" s="522"/>
      <c r="D34" s="522"/>
      <c r="E34" s="522"/>
      <c r="F34" s="522"/>
      <c r="G34" s="522"/>
      <c r="H34" s="522"/>
      <c r="I34" s="522"/>
      <c r="J34" s="522"/>
      <c r="K34" s="522"/>
      <c r="L34" s="522"/>
      <c r="M34" s="522"/>
      <c r="N34" s="522"/>
      <c r="O34" s="522"/>
      <c r="P34" s="522"/>
      <c r="Q34" s="522"/>
      <c r="R34" s="522"/>
      <c r="S34" s="522"/>
      <c r="T34" s="522"/>
      <c r="U34" s="522"/>
      <c r="V34" s="522"/>
      <c r="W34" s="522"/>
      <c r="X34" s="522"/>
      <c r="Y34" s="522"/>
      <c r="Z34" s="522"/>
      <c r="AA34" s="522"/>
      <c r="AB34" s="522"/>
      <c r="AC34" s="522"/>
      <c r="AD34" s="522"/>
      <c r="AE34" s="522"/>
      <c r="AF34" s="522"/>
      <c r="AG34" s="522"/>
      <c r="AH34" s="522"/>
      <c r="AI34" s="522"/>
      <c r="AJ34" s="522"/>
      <c r="AK34" s="522"/>
      <c r="AL34" s="522"/>
      <c r="AM34" s="522"/>
      <c r="AN34" s="522"/>
      <c r="AO34" s="522"/>
      <c r="AP34" s="522"/>
      <c r="AQ34" s="522"/>
      <c r="AR34" s="522"/>
      <c r="AS34" s="522"/>
      <c r="AT34" s="522"/>
      <c r="AU34" s="522"/>
      <c r="AV34" s="522"/>
      <c r="AW34" s="522"/>
      <c r="AX34" s="522"/>
      <c r="AY34" s="522"/>
      <c r="AZ34" s="522"/>
      <c r="BA34" s="522"/>
      <c r="BB34" s="522"/>
      <c r="BC34" s="522"/>
      <c r="BD34" s="522"/>
      <c r="BE34" s="522"/>
      <c r="BF34" s="522"/>
      <c r="BG34" s="522"/>
      <c r="BH34" s="522"/>
      <c r="BI34" s="522"/>
      <c r="BJ34" s="522"/>
      <c r="BK34" s="522"/>
      <c r="BL34" s="522"/>
      <c r="BM34" s="522"/>
      <c r="BN34" s="522"/>
      <c r="BO34" s="522"/>
      <c r="BP34" s="522"/>
      <c r="BQ34" s="522"/>
      <c r="BR34" s="522"/>
      <c r="BS34" s="522"/>
      <c r="BT34" s="522"/>
      <c r="BU34" s="522"/>
      <c r="BV34" s="522"/>
      <c r="BW34" s="522"/>
      <c r="BX34" s="522"/>
      <c r="BY34" s="522"/>
      <c r="BZ34" s="522"/>
      <c r="CA34" s="522"/>
      <c r="CB34" s="522"/>
      <c r="CC34" s="522"/>
      <c r="CD34" s="522"/>
      <c r="CE34" s="522"/>
      <c r="CF34" s="522"/>
      <c r="CG34" s="522"/>
      <c r="CH34" s="522"/>
      <c r="CI34" s="522"/>
      <c r="CJ34" s="522"/>
      <c r="CK34" s="522"/>
      <c r="CL34" s="522"/>
      <c r="CM34" s="522"/>
      <c r="CN34" s="522"/>
      <c r="CO34" s="522"/>
      <c r="CP34" s="522"/>
      <c r="CQ34" s="522"/>
    </row>
    <row r="35" spans="1:95" s="8" customFormat="1" ht="10" customHeight="1" x14ac:dyDescent="0.55000000000000004">
      <c r="A35" s="89"/>
      <c r="B35" s="522"/>
      <c r="C35" s="522"/>
      <c r="D35" s="522"/>
      <c r="E35" s="522"/>
      <c r="F35" s="522"/>
      <c r="G35" s="522"/>
      <c r="H35" s="522"/>
      <c r="I35" s="522"/>
      <c r="J35" s="522"/>
      <c r="K35" s="522"/>
      <c r="L35" s="522"/>
      <c r="M35" s="522"/>
      <c r="N35" s="522"/>
      <c r="O35" s="522"/>
      <c r="P35" s="522"/>
      <c r="Q35" s="522"/>
      <c r="R35" s="522"/>
      <c r="S35" s="522"/>
      <c r="T35" s="522"/>
      <c r="U35" s="522"/>
      <c r="V35" s="522"/>
      <c r="W35" s="522"/>
      <c r="X35" s="522"/>
      <c r="Y35" s="522"/>
      <c r="Z35" s="522"/>
      <c r="AA35" s="522"/>
      <c r="AB35" s="522"/>
      <c r="AC35" s="522"/>
      <c r="AD35" s="522"/>
      <c r="AE35" s="522"/>
      <c r="AF35" s="522"/>
      <c r="AG35" s="522"/>
      <c r="AH35" s="522"/>
      <c r="AI35" s="522"/>
      <c r="AJ35" s="522"/>
      <c r="AK35" s="522"/>
      <c r="AL35" s="522"/>
      <c r="AM35" s="522"/>
      <c r="AN35" s="522"/>
      <c r="AO35" s="522"/>
      <c r="AP35" s="522"/>
      <c r="AQ35" s="522"/>
      <c r="AR35" s="522"/>
      <c r="AS35" s="522"/>
      <c r="AT35" s="522"/>
      <c r="AU35" s="522"/>
      <c r="AV35" s="522"/>
      <c r="AW35" s="522"/>
      <c r="AX35" s="522"/>
      <c r="AY35" s="522"/>
      <c r="AZ35" s="522"/>
      <c r="BA35" s="522"/>
      <c r="BB35" s="522"/>
      <c r="BC35" s="522"/>
      <c r="BD35" s="522"/>
      <c r="BE35" s="522"/>
      <c r="BF35" s="522"/>
      <c r="BG35" s="522"/>
      <c r="BH35" s="522"/>
      <c r="BI35" s="522"/>
      <c r="BJ35" s="522"/>
      <c r="BK35" s="522"/>
      <c r="BL35" s="522"/>
      <c r="BM35" s="522"/>
      <c r="BN35" s="522"/>
      <c r="BO35" s="522"/>
      <c r="BP35" s="522"/>
      <c r="BQ35" s="522"/>
      <c r="BR35" s="522"/>
      <c r="BS35" s="522"/>
      <c r="BT35" s="522"/>
      <c r="BU35" s="522"/>
      <c r="BV35" s="522"/>
      <c r="BW35" s="522"/>
      <c r="BX35" s="522"/>
      <c r="BY35" s="522"/>
      <c r="BZ35" s="522"/>
      <c r="CA35" s="522"/>
      <c r="CB35" s="522"/>
      <c r="CC35" s="522"/>
      <c r="CD35" s="522"/>
      <c r="CE35" s="522"/>
      <c r="CF35" s="522"/>
      <c r="CG35" s="522"/>
      <c r="CH35" s="522"/>
      <c r="CI35" s="522"/>
      <c r="CJ35" s="522"/>
      <c r="CK35" s="522"/>
      <c r="CL35" s="522"/>
      <c r="CM35" s="522"/>
      <c r="CN35" s="522"/>
      <c r="CO35" s="522"/>
      <c r="CP35" s="522"/>
      <c r="CQ35" s="522"/>
    </row>
    <row r="36" spans="1:95" s="8" customFormat="1" ht="10" customHeight="1" x14ac:dyDescent="0.55000000000000004">
      <c r="A36" s="89"/>
      <c r="B36" s="522"/>
      <c r="C36" s="522"/>
      <c r="D36" s="522"/>
      <c r="E36" s="522"/>
      <c r="F36" s="522"/>
      <c r="G36" s="522"/>
      <c r="H36" s="522"/>
      <c r="I36" s="522"/>
      <c r="J36" s="522"/>
      <c r="K36" s="522"/>
      <c r="L36" s="522"/>
      <c r="M36" s="522"/>
      <c r="N36" s="522"/>
      <c r="O36" s="522"/>
      <c r="P36" s="522"/>
      <c r="Q36" s="522"/>
      <c r="R36" s="522"/>
      <c r="S36" s="522"/>
      <c r="T36" s="522"/>
      <c r="U36" s="522"/>
      <c r="V36" s="522"/>
      <c r="W36" s="522"/>
      <c r="X36" s="522"/>
      <c r="Y36" s="522"/>
      <c r="Z36" s="522"/>
      <c r="AA36" s="522"/>
      <c r="AB36" s="522"/>
      <c r="AC36" s="522"/>
      <c r="AD36" s="522"/>
      <c r="AE36" s="522"/>
      <c r="AF36" s="522"/>
      <c r="AG36" s="522"/>
      <c r="AH36" s="522"/>
      <c r="AI36" s="522"/>
      <c r="AJ36" s="522"/>
      <c r="AK36" s="522"/>
      <c r="AL36" s="522"/>
      <c r="AM36" s="522"/>
      <c r="AN36" s="522"/>
      <c r="AO36" s="522"/>
      <c r="AP36" s="522"/>
      <c r="AQ36" s="522"/>
      <c r="AR36" s="522"/>
      <c r="AS36" s="522"/>
      <c r="AT36" s="522"/>
      <c r="AU36" s="522"/>
      <c r="AV36" s="522"/>
      <c r="AW36" s="522"/>
      <c r="AX36" s="522"/>
      <c r="AY36" s="522"/>
      <c r="AZ36" s="522"/>
      <c r="BA36" s="522"/>
      <c r="BB36" s="522"/>
      <c r="BC36" s="522"/>
      <c r="BD36" s="522"/>
      <c r="BE36" s="522"/>
      <c r="BF36" s="522"/>
      <c r="BG36" s="522"/>
      <c r="BH36" s="522"/>
      <c r="BI36" s="522"/>
      <c r="BJ36" s="522"/>
      <c r="BK36" s="522"/>
      <c r="BL36" s="522"/>
      <c r="BM36" s="522"/>
      <c r="BN36" s="522"/>
      <c r="BO36" s="522"/>
      <c r="BP36" s="522"/>
      <c r="BQ36" s="522"/>
      <c r="BR36" s="522"/>
      <c r="BS36" s="522"/>
      <c r="BT36" s="522"/>
      <c r="BU36" s="522"/>
      <c r="BV36" s="522"/>
      <c r="BW36" s="522"/>
      <c r="BX36" s="522"/>
      <c r="BY36" s="522"/>
      <c r="BZ36" s="522"/>
      <c r="CA36" s="522"/>
      <c r="CB36" s="522"/>
      <c r="CC36" s="522"/>
      <c r="CD36" s="522"/>
      <c r="CE36" s="522"/>
      <c r="CF36" s="522"/>
      <c r="CG36" s="522"/>
      <c r="CH36" s="522"/>
      <c r="CI36" s="522"/>
      <c r="CJ36" s="522"/>
      <c r="CK36" s="522"/>
      <c r="CL36" s="522"/>
      <c r="CM36" s="522"/>
      <c r="CN36" s="522"/>
      <c r="CO36" s="522"/>
      <c r="CP36" s="522"/>
      <c r="CQ36" s="522"/>
    </row>
    <row r="37" spans="1:95" s="8" customFormat="1" ht="9.75" customHeight="1" x14ac:dyDescent="0.55000000000000004">
      <c r="A37" s="89"/>
      <c r="B37" s="522"/>
      <c r="C37" s="522"/>
      <c r="D37" s="522"/>
      <c r="E37" s="522"/>
      <c r="F37" s="522"/>
      <c r="G37" s="522"/>
      <c r="H37" s="522"/>
      <c r="I37" s="522"/>
      <c r="J37" s="522"/>
      <c r="K37" s="522"/>
      <c r="L37" s="522"/>
      <c r="M37" s="522"/>
      <c r="N37" s="522"/>
      <c r="O37" s="522"/>
      <c r="P37" s="522"/>
      <c r="Q37" s="522"/>
      <c r="R37" s="522"/>
      <c r="S37" s="522"/>
      <c r="T37" s="522"/>
      <c r="U37" s="522"/>
      <c r="V37" s="522"/>
      <c r="W37" s="522"/>
      <c r="X37" s="522"/>
      <c r="Y37" s="522"/>
      <c r="Z37" s="522"/>
      <c r="AA37" s="522"/>
      <c r="AB37" s="522"/>
      <c r="AC37" s="522"/>
      <c r="AD37" s="522"/>
      <c r="AE37" s="522"/>
      <c r="AF37" s="522"/>
      <c r="AG37" s="522"/>
      <c r="AH37" s="522"/>
      <c r="AI37" s="522"/>
      <c r="AJ37" s="522"/>
      <c r="AK37" s="522"/>
      <c r="AL37" s="522"/>
      <c r="AM37" s="522"/>
      <c r="AN37" s="522"/>
      <c r="AO37" s="522"/>
      <c r="AP37" s="522"/>
      <c r="AQ37" s="522"/>
      <c r="AR37" s="522"/>
      <c r="AS37" s="522"/>
      <c r="AT37" s="522"/>
      <c r="AU37" s="522"/>
      <c r="AV37" s="522"/>
      <c r="AW37" s="522"/>
      <c r="AX37" s="522"/>
      <c r="AY37" s="522"/>
      <c r="AZ37" s="522"/>
      <c r="BA37" s="522"/>
      <c r="BB37" s="522"/>
      <c r="BC37" s="522"/>
      <c r="BD37" s="522"/>
      <c r="BE37" s="522"/>
      <c r="BF37" s="522"/>
      <c r="BG37" s="522"/>
      <c r="BH37" s="522"/>
      <c r="BI37" s="522"/>
      <c r="BJ37" s="522"/>
      <c r="BK37" s="522"/>
      <c r="BL37" s="522"/>
      <c r="BM37" s="522"/>
      <c r="BN37" s="522"/>
      <c r="BO37" s="522"/>
      <c r="BP37" s="522"/>
      <c r="BQ37" s="522"/>
      <c r="BR37" s="522"/>
      <c r="BS37" s="522"/>
      <c r="BT37" s="522"/>
      <c r="BU37" s="522"/>
      <c r="BV37" s="522"/>
      <c r="BW37" s="522"/>
      <c r="BX37" s="522"/>
      <c r="BY37" s="522"/>
      <c r="BZ37" s="522"/>
      <c r="CA37" s="522"/>
      <c r="CB37" s="522"/>
      <c r="CC37" s="522"/>
      <c r="CD37" s="522"/>
      <c r="CE37" s="522"/>
      <c r="CF37" s="522"/>
      <c r="CG37" s="522"/>
      <c r="CH37" s="522"/>
      <c r="CI37" s="522"/>
      <c r="CJ37" s="522"/>
      <c r="CK37" s="522"/>
      <c r="CL37" s="522"/>
      <c r="CM37" s="522"/>
      <c r="CN37" s="522"/>
      <c r="CO37" s="522"/>
      <c r="CP37" s="522"/>
      <c r="CQ37" s="522"/>
    </row>
    <row r="38" spans="1:95" s="8" customFormat="1" ht="9" customHeight="1" x14ac:dyDescent="0.55000000000000004">
      <c r="B38" s="522"/>
      <c r="C38" s="522"/>
      <c r="D38" s="522"/>
      <c r="E38" s="522"/>
      <c r="F38" s="522"/>
      <c r="G38" s="522"/>
      <c r="H38" s="522"/>
      <c r="I38" s="522"/>
      <c r="J38" s="522"/>
      <c r="K38" s="522"/>
      <c r="L38" s="522"/>
      <c r="M38" s="522"/>
      <c r="N38" s="522"/>
      <c r="O38" s="522"/>
      <c r="P38" s="522"/>
      <c r="Q38" s="522"/>
      <c r="R38" s="522"/>
      <c r="S38" s="522"/>
      <c r="T38" s="522"/>
      <c r="U38" s="522"/>
      <c r="V38" s="522"/>
      <c r="W38" s="522"/>
      <c r="X38" s="522"/>
      <c r="Y38" s="522"/>
      <c r="Z38" s="522"/>
      <c r="AA38" s="522"/>
      <c r="AB38" s="522"/>
      <c r="AC38" s="522"/>
      <c r="AD38" s="522"/>
      <c r="AE38" s="522"/>
      <c r="AF38" s="522"/>
      <c r="AG38" s="522"/>
      <c r="AH38" s="522"/>
      <c r="AI38" s="522"/>
      <c r="AJ38" s="522"/>
      <c r="AK38" s="522"/>
      <c r="AL38" s="522"/>
      <c r="AM38" s="522"/>
      <c r="AN38" s="522"/>
      <c r="AO38" s="522"/>
      <c r="AP38" s="522"/>
      <c r="AQ38" s="522"/>
      <c r="AR38" s="522"/>
      <c r="AS38" s="522"/>
      <c r="AT38" s="522"/>
      <c r="AU38" s="522"/>
      <c r="AV38" s="522"/>
      <c r="AW38" s="522"/>
      <c r="AX38" s="522"/>
      <c r="AY38" s="522"/>
      <c r="AZ38" s="522"/>
      <c r="BA38" s="522"/>
      <c r="BB38" s="522"/>
      <c r="BC38" s="522"/>
      <c r="BD38" s="522"/>
      <c r="BE38" s="522"/>
      <c r="BF38" s="522"/>
      <c r="BG38" s="522"/>
      <c r="BH38" s="522"/>
      <c r="BI38" s="522"/>
      <c r="BJ38" s="522"/>
      <c r="BK38" s="522"/>
      <c r="BL38" s="522"/>
      <c r="BM38" s="522"/>
      <c r="BN38" s="522"/>
      <c r="BO38" s="522"/>
      <c r="BP38" s="522"/>
      <c r="BQ38" s="522"/>
      <c r="BR38" s="522"/>
      <c r="BS38" s="522"/>
      <c r="BT38" s="522"/>
      <c r="BU38" s="522"/>
      <c r="BV38" s="522"/>
      <c r="BW38" s="522"/>
      <c r="BX38" s="522"/>
      <c r="BY38" s="522"/>
      <c r="BZ38" s="522"/>
      <c r="CA38" s="522"/>
      <c r="CB38" s="522"/>
      <c r="CC38" s="522"/>
      <c r="CD38" s="522"/>
      <c r="CE38" s="522"/>
      <c r="CF38" s="522"/>
      <c r="CG38" s="522"/>
      <c r="CH38" s="522"/>
      <c r="CI38" s="522"/>
      <c r="CJ38" s="522"/>
      <c r="CK38" s="522"/>
      <c r="CL38" s="522"/>
      <c r="CM38" s="522"/>
      <c r="CN38" s="522"/>
      <c r="CO38" s="522"/>
      <c r="CP38" s="522"/>
      <c r="CQ38" s="522"/>
    </row>
    <row r="39" spans="1:95" s="8" customFormat="1" ht="9.75" customHeight="1" x14ac:dyDescent="0.2">
      <c r="A39" s="74"/>
      <c r="B39" s="76"/>
      <c r="C39" s="76"/>
      <c r="D39" s="76"/>
      <c r="E39" s="76"/>
      <c r="F39" s="76"/>
      <c r="H39" s="76"/>
      <c r="I39" s="76"/>
      <c r="J39" s="76"/>
      <c r="K39" s="76"/>
      <c r="L39" s="76"/>
      <c r="M39" s="76"/>
      <c r="N39" s="76"/>
      <c r="O39" s="76"/>
      <c r="P39" s="76"/>
      <c r="Q39" s="76"/>
      <c r="R39" s="76"/>
      <c r="S39" s="76"/>
      <c r="T39" s="76"/>
      <c r="U39" s="76"/>
      <c r="V39" s="76"/>
      <c r="W39" s="76"/>
      <c r="X39" s="76"/>
      <c r="Y39" s="76"/>
      <c r="Z39" s="76"/>
      <c r="AA39" s="76"/>
      <c r="AB39" s="76"/>
      <c r="AC39" s="76"/>
      <c r="AD39" s="76"/>
      <c r="AE39" s="76"/>
      <c r="AF39" s="76"/>
      <c r="AG39" s="76"/>
      <c r="AH39" s="76"/>
      <c r="AI39" s="76"/>
      <c r="AJ39" s="76"/>
      <c r="AK39" s="76"/>
      <c r="AL39" s="76"/>
      <c r="AM39" s="76"/>
      <c r="AN39" s="76"/>
      <c r="AO39" s="76"/>
      <c r="AP39" s="76"/>
      <c r="AQ39" s="76"/>
      <c r="AR39" s="76"/>
      <c r="AS39" s="76"/>
      <c r="AT39" s="76"/>
      <c r="AU39" s="76"/>
      <c r="AV39" s="76"/>
      <c r="AW39" s="76"/>
      <c r="AX39" s="76"/>
      <c r="AY39" s="76"/>
      <c r="AZ39" s="76"/>
      <c r="BA39" s="76"/>
      <c r="BB39" s="76"/>
      <c r="BC39" s="76"/>
      <c r="BD39" s="76"/>
      <c r="BE39" s="76"/>
      <c r="BF39" s="76"/>
      <c r="BG39" s="76"/>
      <c r="BH39" s="76"/>
      <c r="BI39" s="76"/>
      <c r="BJ39" s="76"/>
      <c r="BK39" s="76"/>
      <c r="BL39" s="76"/>
      <c r="BM39" s="76"/>
      <c r="BN39" s="76"/>
      <c r="BO39" s="76"/>
      <c r="BT39" s="87"/>
    </row>
    <row r="40" spans="1:95" s="8" customFormat="1" ht="9.75" customHeight="1" x14ac:dyDescent="0.55000000000000004">
      <c r="A40" s="512" t="s">
        <v>80</v>
      </c>
      <c r="B40" s="512"/>
      <c r="C40" s="512"/>
      <c r="D40" s="512"/>
      <c r="E40" s="512"/>
      <c r="F40" s="512"/>
      <c r="G40" s="512"/>
      <c r="H40" s="512"/>
      <c r="I40" s="512"/>
      <c r="J40" s="512"/>
      <c r="K40" s="512"/>
      <c r="L40" s="512"/>
      <c r="M40" s="512"/>
      <c r="N40" s="512"/>
      <c r="O40" s="512"/>
      <c r="P40" s="512"/>
      <c r="Q40" s="512"/>
      <c r="R40" s="512"/>
      <c r="S40" s="512"/>
      <c r="T40" s="512"/>
      <c r="U40" s="512"/>
      <c r="V40" s="512"/>
      <c r="W40" s="512"/>
      <c r="X40" s="512"/>
      <c r="Y40" s="512"/>
      <c r="Z40" s="512"/>
      <c r="AA40" s="512"/>
      <c r="AB40" s="512"/>
      <c r="AC40" s="512"/>
      <c r="AD40" s="512"/>
      <c r="AE40" s="512"/>
      <c r="AF40" s="512"/>
      <c r="AG40" s="512"/>
      <c r="AH40" s="512"/>
      <c r="AI40" s="512"/>
      <c r="AJ40" s="512"/>
      <c r="AK40" s="512"/>
      <c r="AL40" s="512"/>
      <c r="AM40" s="512"/>
      <c r="AN40" s="512"/>
      <c r="AO40" s="512"/>
      <c r="AP40" s="512"/>
      <c r="AQ40" s="512"/>
      <c r="AR40" s="512"/>
      <c r="AS40" s="512"/>
      <c r="AT40" s="512"/>
      <c r="AU40" s="512"/>
      <c r="AV40" s="512"/>
      <c r="AW40" s="512"/>
      <c r="AX40" s="512"/>
      <c r="AY40" s="512"/>
      <c r="AZ40" s="512"/>
      <c r="BA40" s="512"/>
      <c r="BB40" s="512"/>
      <c r="BC40" s="512"/>
      <c r="BD40" s="512"/>
      <c r="BE40" s="512"/>
      <c r="BF40" s="512"/>
      <c r="BG40" s="512"/>
      <c r="BH40" s="512"/>
      <c r="BI40" s="512"/>
      <c r="BJ40" s="512"/>
      <c r="BK40" s="512"/>
      <c r="BL40" s="512"/>
      <c r="BM40" s="512"/>
      <c r="BN40" s="512"/>
      <c r="BO40" s="512"/>
      <c r="BP40" s="512"/>
      <c r="BQ40" s="512"/>
      <c r="BR40" s="512"/>
      <c r="BS40" s="512"/>
      <c r="BT40" s="512"/>
      <c r="BU40" s="512"/>
      <c r="BV40" s="512"/>
      <c r="BW40" s="512"/>
      <c r="BX40" s="512"/>
      <c r="BY40" s="512"/>
      <c r="BZ40" s="512"/>
      <c r="CA40" s="512"/>
      <c r="CB40" s="512"/>
      <c r="CC40" s="512"/>
      <c r="CD40" s="512"/>
      <c r="CE40" s="512"/>
      <c r="CF40" s="512"/>
      <c r="CG40" s="512"/>
      <c r="CH40" s="512"/>
      <c r="CI40" s="512"/>
      <c r="CJ40" s="512"/>
      <c r="CK40" s="512"/>
      <c r="CL40" s="512"/>
      <c r="CM40" s="512"/>
      <c r="CN40" s="512"/>
      <c r="CO40" s="512"/>
      <c r="CP40" s="512"/>
      <c r="CQ40" s="512"/>
    </row>
    <row r="41" spans="1:95" s="8" customFormat="1" ht="9.75" customHeight="1" x14ac:dyDescent="0.55000000000000004">
      <c r="A41" s="512"/>
      <c r="B41" s="512"/>
      <c r="C41" s="512"/>
      <c r="D41" s="512"/>
      <c r="E41" s="512"/>
      <c r="F41" s="512"/>
      <c r="G41" s="512"/>
      <c r="H41" s="512"/>
      <c r="I41" s="512"/>
      <c r="J41" s="512"/>
      <c r="K41" s="512"/>
      <c r="L41" s="512"/>
      <c r="M41" s="512"/>
      <c r="N41" s="512"/>
      <c r="O41" s="512"/>
      <c r="P41" s="512"/>
      <c r="Q41" s="512"/>
      <c r="R41" s="512"/>
      <c r="S41" s="512"/>
      <c r="T41" s="512"/>
      <c r="U41" s="512"/>
      <c r="V41" s="512"/>
      <c r="W41" s="512"/>
      <c r="X41" s="512"/>
      <c r="Y41" s="512"/>
      <c r="Z41" s="512"/>
      <c r="AA41" s="512"/>
      <c r="AB41" s="512"/>
      <c r="AC41" s="512"/>
      <c r="AD41" s="512"/>
      <c r="AE41" s="512"/>
      <c r="AF41" s="512"/>
      <c r="AG41" s="512"/>
      <c r="AH41" s="512"/>
      <c r="AI41" s="512"/>
      <c r="AJ41" s="512"/>
      <c r="AK41" s="512"/>
      <c r="AL41" s="512"/>
      <c r="AM41" s="512"/>
      <c r="AN41" s="512"/>
      <c r="AO41" s="512"/>
      <c r="AP41" s="512"/>
      <c r="AQ41" s="512"/>
      <c r="AR41" s="512"/>
      <c r="AS41" s="512"/>
      <c r="AT41" s="512"/>
      <c r="AU41" s="512"/>
      <c r="AV41" s="512"/>
      <c r="AW41" s="512"/>
      <c r="AX41" s="512"/>
      <c r="AY41" s="512"/>
      <c r="AZ41" s="512"/>
      <c r="BA41" s="512"/>
      <c r="BB41" s="512"/>
      <c r="BC41" s="512"/>
      <c r="BD41" s="512"/>
      <c r="BE41" s="512"/>
      <c r="BF41" s="512"/>
      <c r="BG41" s="512"/>
      <c r="BH41" s="512"/>
      <c r="BI41" s="512"/>
      <c r="BJ41" s="512"/>
      <c r="BK41" s="512"/>
      <c r="BL41" s="512"/>
      <c r="BM41" s="512"/>
      <c r="BN41" s="512"/>
      <c r="BO41" s="512"/>
      <c r="BP41" s="512"/>
      <c r="BQ41" s="512"/>
      <c r="BR41" s="512"/>
      <c r="BS41" s="512"/>
      <c r="BT41" s="512"/>
      <c r="BU41" s="512"/>
      <c r="BV41" s="512"/>
      <c r="BW41" s="512"/>
      <c r="BX41" s="512"/>
      <c r="BY41" s="512"/>
      <c r="BZ41" s="512"/>
      <c r="CA41" s="512"/>
      <c r="CB41" s="512"/>
      <c r="CC41" s="512"/>
      <c r="CD41" s="512"/>
      <c r="CE41" s="512"/>
      <c r="CF41" s="512"/>
      <c r="CG41" s="512"/>
      <c r="CH41" s="512"/>
      <c r="CI41" s="512"/>
      <c r="CJ41" s="512"/>
      <c r="CK41" s="512"/>
      <c r="CL41" s="512"/>
      <c r="CM41" s="512"/>
      <c r="CN41" s="512"/>
      <c r="CO41" s="512"/>
      <c r="CP41" s="512"/>
      <c r="CQ41" s="512"/>
    </row>
    <row r="42" spans="1:95" s="8" customFormat="1" ht="5.25" customHeight="1" x14ac:dyDescent="0.55000000000000004">
      <c r="A42" s="512"/>
      <c r="B42" s="512"/>
      <c r="C42" s="512"/>
      <c r="D42" s="512"/>
      <c r="E42" s="512"/>
      <c r="F42" s="512"/>
      <c r="G42" s="512"/>
      <c r="H42" s="512"/>
      <c r="I42" s="512"/>
      <c r="J42" s="512"/>
      <c r="K42" s="512"/>
      <c r="L42" s="512"/>
      <c r="M42" s="512"/>
      <c r="N42" s="512"/>
      <c r="O42" s="512"/>
      <c r="P42" s="512"/>
      <c r="Q42" s="512"/>
      <c r="R42" s="512"/>
      <c r="S42" s="512"/>
      <c r="T42" s="512"/>
      <c r="U42" s="512"/>
      <c r="V42" s="512"/>
      <c r="W42" s="512"/>
      <c r="X42" s="512"/>
      <c r="Y42" s="512"/>
      <c r="Z42" s="512"/>
      <c r="AA42" s="512"/>
      <c r="AB42" s="512"/>
      <c r="AC42" s="512"/>
      <c r="AD42" s="512"/>
      <c r="AE42" s="512"/>
      <c r="AF42" s="512"/>
      <c r="AG42" s="512"/>
      <c r="AH42" s="512"/>
      <c r="AI42" s="512"/>
      <c r="AJ42" s="512"/>
      <c r="AK42" s="512"/>
      <c r="AL42" s="512"/>
      <c r="AM42" s="512"/>
      <c r="AN42" s="512"/>
      <c r="AO42" s="512"/>
      <c r="AP42" s="512"/>
      <c r="AQ42" s="512"/>
      <c r="AR42" s="512"/>
      <c r="AS42" s="512"/>
      <c r="AT42" s="512"/>
      <c r="AU42" s="512"/>
      <c r="AV42" s="512"/>
      <c r="AW42" s="512"/>
      <c r="AX42" s="512"/>
      <c r="AY42" s="512"/>
      <c r="AZ42" s="512"/>
      <c r="BA42" s="512"/>
      <c r="BB42" s="512"/>
      <c r="BC42" s="512"/>
      <c r="BD42" s="512"/>
      <c r="BE42" s="512"/>
      <c r="BF42" s="512"/>
      <c r="BG42" s="512"/>
      <c r="BH42" s="512"/>
      <c r="BI42" s="512"/>
      <c r="BJ42" s="512"/>
      <c r="BK42" s="512"/>
      <c r="BL42" s="512"/>
      <c r="BM42" s="512"/>
      <c r="BN42" s="512"/>
      <c r="BO42" s="512"/>
      <c r="BP42" s="512"/>
      <c r="BQ42" s="512"/>
      <c r="BR42" s="512"/>
      <c r="BS42" s="512"/>
      <c r="BT42" s="512"/>
      <c r="BU42" s="512"/>
      <c r="BV42" s="512"/>
      <c r="BW42" s="512"/>
      <c r="BX42" s="512"/>
      <c r="BY42" s="512"/>
      <c r="BZ42" s="512"/>
      <c r="CA42" s="512"/>
      <c r="CB42" s="512"/>
      <c r="CC42" s="512"/>
      <c r="CD42" s="512"/>
      <c r="CE42" s="512"/>
      <c r="CF42" s="512"/>
      <c r="CG42" s="512"/>
      <c r="CH42" s="512"/>
      <c r="CI42" s="512"/>
      <c r="CJ42" s="512"/>
      <c r="CK42" s="512"/>
      <c r="CL42" s="512"/>
      <c r="CM42" s="512"/>
      <c r="CN42" s="512"/>
      <c r="CO42" s="512"/>
      <c r="CP42" s="512"/>
      <c r="CQ42" s="512"/>
    </row>
    <row r="43" spans="1:95" s="8" customFormat="1" ht="6.75" customHeight="1" x14ac:dyDescent="0.2">
      <c r="B43" s="90"/>
      <c r="C43" s="90"/>
      <c r="D43" s="90"/>
      <c r="E43" s="90"/>
      <c r="F43" s="90"/>
      <c r="G43" s="90"/>
      <c r="H43" s="90"/>
      <c r="I43" s="90"/>
      <c r="J43" s="90"/>
      <c r="K43" s="90"/>
      <c r="L43" s="90"/>
      <c r="M43" s="90"/>
      <c r="N43" s="90"/>
      <c r="O43" s="90"/>
      <c r="P43" s="90"/>
      <c r="Q43" s="90"/>
      <c r="R43" s="90"/>
      <c r="S43" s="90"/>
      <c r="T43" s="90"/>
      <c r="U43" s="90"/>
      <c r="V43" s="90"/>
      <c r="W43" s="90"/>
      <c r="X43" s="90"/>
      <c r="Y43" s="90"/>
      <c r="Z43" s="90"/>
      <c r="AA43" s="90"/>
      <c r="AB43" s="90"/>
      <c r="AC43" s="90"/>
      <c r="AD43" s="90"/>
      <c r="AE43" s="90"/>
      <c r="AF43" s="90"/>
      <c r="AG43" s="90"/>
      <c r="AH43" s="90"/>
      <c r="AI43" s="90"/>
      <c r="AJ43" s="90"/>
      <c r="AK43" s="90"/>
      <c r="AL43" s="90"/>
      <c r="AM43" s="90"/>
      <c r="AN43" s="90"/>
      <c r="AO43" s="90"/>
      <c r="AP43" s="90"/>
      <c r="AQ43" s="90"/>
      <c r="AR43" s="90"/>
      <c r="AS43" s="90"/>
      <c r="AT43" s="90"/>
      <c r="AU43" s="90"/>
      <c r="AV43" s="90"/>
      <c r="AW43" s="90"/>
      <c r="AX43" s="90"/>
      <c r="AY43" s="90"/>
      <c r="AZ43" s="90"/>
      <c r="BA43" s="90"/>
      <c r="BB43" s="90"/>
      <c r="BC43" s="90"/>
      <c r="BD43" s="90"/>
      <c r="BE43" s="90"/>
      <c r="BF43" s="90"/>
      <c r="BG43" s="90"/>
      <c r="BH43" s="90"/>
      <c r="BI43" s="90"/>
      <c r="BJ43" s="90"/>
      <c r="BK43" s="90"/>
      <c r="BL43" s="90"/>
      <c r="BM43" s="90"/>
      <c r="BN43" s="90"/>
      <c r="BO43" s="90"/>
      <c r="BP43" s="90"/>
      <c r="BQ43" s="90"/>
      <c r="BR43" s="90"/>
      <c r="BS43" s="90"/>
      <c r="BT43" s="87"/>
    </row>
    <row r="44" spans="1:95" s="8" customFormat="1" ht="6.75" customHeight="1" x14ac:dyDescent="0.55000000000000004">
      <c r="B44" s="512" t="s">
        <v>81</v>
      </c>
      <c r="C44" s="512"/>
      <c r="D44" s="512"/>
      <c r="E44" s="512"/>
      <c r="F44" s="512"/>
      <c r="G44" s="512"/>
      <c r="H44" s="512"/>
      <c r="I44" s="512"/>
      <c r="J44" s="512"/>
      <c r="K44" s="512"/>
      <c r="L44" s="512"/>
      <c r="M44" s="512"/>
      <c r="N44" s="512"/>
      <c r="O44" s="512"/>
      <c r="P44" s="512"/>
      <c r="Q44" s="512"/>
      <c r="R44" s="512"/>
      <c r="S44" s="512"/>
      <c r="T44" s="512"/>
      <c r="U44" s="512"/>
      <c r="V44" s="512"/>
      <c r="W44" s="512"/>
      <c r="X44" s="512"/>
      <c r="Y44" s="512"/>
      <c r="Z44" s="512"/>
      <c r="AA44" s="512"/>
      <c r="AB44" s="512"/>
      <c r="AC44" s="512"/>
      <c r="AD44" s="512"/>
      <c r="AE44" s="512"/>
      <c r="AF44" s="512"/>
      <c r="AG44" s="512"/>
      <c r="AH44" s="512"/>
      <c r="AI44" s="512"/>
      <c r="AJ44" s="512"/>
      <c r="AK44" s="512"/>
      <c r="AL44" s="512"/>
      <c r="AM44" s="512"/>
      <c r="AN44" s="512"/>
      <c r="AO44" s="512"/>
      <c r="AP44" s="512"/>
      <c r="AQ44" s="512"/>
      <c r="AR44" s="512"/>
      <c r="AS44" s="512"/>
      <c r="AT44" s="512"/>
      <c r="AU44" s="512"/>
      <c r="AV44" s="512"/>
      <c r="AW44" s="512"/>
      <c r="AX44" s="512"/>
      <c r="AY44" s="512"/>
      <c r="AZ44" s="512"/>
      <c r="BA44" s="512"/>
      <c r="BB44" s="512"/>
      <c r="BC44" s="512"/>
      <c r="BD44" s="512"/>
      <c r="BE44" s="512"/>
      <c r="BF44" s="512"/>
      <c r="BG44" s="512"/>
      <c r="BH44" s="512"/>
      <c r="BI44" s="512"/>
      <c r="BJ44" s="512"/>
      <c r="BK44" s="512"/>
      <c r="BL44" s="512"/>
      <c r="BM44" s="512"/>
      <c r="BN44" s="512"/>
      <c r="BO44" s="512"/>
      <c r="BP44" s="512"/>
      <c r="BQ44" s="512"/>
      <c r="BR44" s="512"/>
      <c r="BS44" s="512"/>
      <c r="BT44" s="512"/>
      <c r="BU44" s="512"/>
      <c r="BV44" s="512"/>
      <c r="BW44" s="512"/>
      <c r="BX44" s="512"/>
      <c r="BY44" s="512"/>
      <c r="BZ44" s="512"/>
      <c r="CA44" s="512"/>
      <c r="CB44" s="512"/>
      <c r="CC44" s="512"/>
      <c r="CD44" s="512"/>
      <c r="CE44" s="512"/>
      <c r="CF44" s="512"/>
      <c r="CG44" s="512"/>
      <c r="CH44" s="512"/>
      <c r="CI44" s="512"/>
      <c r="CJ44" s="512"/>
      <c r="CK44" s="512"/>
      <c r="CL44" s="512"/>
      <c r="CM44" s="512"/>
      <c r="CN44" s="512"/>
      <c r="CO44" s="512"/>
      <c r="CP44" s="512"/>
      <c r="CQ44" s="512"/>
    </row>
    <row r="45" spans="1:95" s="8" customFormat="1" ht="6.75" customHeight="1" x14ac:dyDescent="0.55000000000000004">
      <c r="B45" s="512"/>
      <c r="C45" s="512"/>
      <c r="D45" s="512"/>
      <c r="E45" s="512"/>
      <c r="F45" s="512"/>
      <c r="G45" s="512"/>
      <c r="H45" s="512"/>
      <c r="I45" s="512"/>
      <c r="J45" s="512"/>
      <c r="K45" s="512"/>
      <c r="L45" s="512"/>
      <c r="M45" s="512"/>
      <c r="N45" s="512"/>
      <c r="O45" s="512"/>
      <c r="P45" s="512"/>
      <c r="Q45" s="512"/>
      <c r="R45" s="512"/>
      <c r="S45" s="512"/>
      <c r="T45" s="512"/>
      <c r="U45" s="512"/>
      <c r="V45" s="512"/>
      <c r="W45" s="512"/>
      <c r="X45" s="512"/>
      <c r="Y45" s="512"/>
      <c r="Z45" s="512"/>
      <c r="AA45" s="512"/>
      <c r="AB45" s="512"/>
      <c r="AC45" s="512"/>
      <c r="AD45" s="512"/>
      <c r="AE45" s="512"/>
      <c r="AF45" s="512"/>
      <c r="AG45" s="512"/>
      <c r="AH45" s="512"/>
      <c r="AI45" s="512"/>
      <c r="AJ45" s="512"/>
      <c r="AK45" s="512"/>
      <c r="AL45" s="512"/>
      <c r="AM45" s="512"/>
      <c r="AN45" s="512"/>
      <c r="AO45" s="512"/>
      <c r="AP45" s="512"/>
      <c r="AQ45" s="512"/>
      <c r="AR45" s="512"/>
      <c r="AS45" s="512"/>
      <c r="AT45" s="512"/>
      <c r="AU45" s="512"/>
      <c r="AV45" s="512"/>
      <c r="AW45" s="512"/>
      <c r="AX45" s="512"/>
      <c r="AY45" s="512"/>
      <c r="AZ45" s="512"/>
      <c r="BA45" s="512"/>
      <c r="BB45" s="512"/>
      <c r="BC45" s="512"/>
      <c r="BD45" s="512"/>
      <c r="BE45" s="512"/>
      <c r="BF45" s="512"/>
      <c r="BG45" s="512"/>
      <c r="BH45" s="512"/>
      <c r="BI45" s="512"/>
      <c r="BJ45" s="512"/>
      <c r="BK45" s="512"/>
      <c r="BL45" s="512"/>
      <c r="BM45" s="512"/>
      <c r="BN45" s="512"/>
      <c r="BO45" s="512"/>
      <c r="BP45" s="512"/>
      <c r="BQ45" s="512"/>
      <c r="BR45" s="512"/>
      <c r="BS45" s="512"/>
      <c r="BT45" s="512"/>
      <c r="BU45" s="512"/>
      <c r="BV45" s="512"/>
      <c r="BW45" s="512"/>
      <c r="BX45" s="512"/>
      <c r="BY45" s="512"/>
      <c r="BZ45" s="512"/>
      <c r="CA45" s="512"/>
      <c r="CB45" s="512"/>
      <c r="CC45" s="512"/>
      <c r="CD45" s="512"/>
      <c r="CE45" s="512"/>
      <c r="CF45" s="512"/>
      <c r="CG45" s="512"/>
      <c r="CH45" s="512"/>
      <c r="CI45" s="512"/>
      <c r="CJ45" s="512"/>
      <c r="CK45" s="512"/>
      <c r="CL45" s="512"/>
      <c r="CM45" s="512"/>
      <c r="CN45" s="512"/>
      <c r="CO45" s="512"/>
      <c r="CP45" s="512"/>
      <c r="CQ45" s="512"/>
    </row>
    <row r="46" spans="1:95" s="8" customFormat="1" ht="9" customHeight="1" x14ac:dyDescent="0.55000000000000004">
      <c r="B46" s="512"/>
      <c r="C46" s="512"/>
      <c r="D46" s="512"/>
      <c r="E46" s="512"/>
      <c r="F46" s="512"/>
      <c r="G46" s="512"/>
      <c r="H46" s="512"/>
      <c r="I46" s="512"/>
      <c r="J46" s="512"/>
      <c r="K46" s="512"/>
      <c r="L46" s="512"/>
      <c r="M46" s="512"/>
      <c r="N46" s="512"/>
      <c r="O46" s="512"/>
      <c r="P46" s="512"/>
      <c r="Q46" s="512"/>
      <c r="R46" s="512"/>
      <c r="S46" s="512"/>
      <c r="T46" s="512"/>
      <c r="U46" s="512"/>
      <c r="V46" s="512"/>
      <c r="W46" s="512"/>
      <c r="X46" s="512"/>
      <c r="Y46" s="512"/>
      <c r="Z46" s="512"/>
      <c r="AA46" s="512"/>
      <c r="AB46" s="512"/>
      <c r="AC46" s="512"/>
      <c r="AD46" s="512"/>
      <c r="AE46" s="512"/>
      <c r="AF46" s="512"/>
      <c r="AG46" s="512"/>
      <c r="AH46" s="512"/>
      <c r="AI46" s="512"/>
      <c r="AJ46" s="512"/>
      <c r="AK46" s="512"/>
      <c r="AL46" s="512"/>
      <c r="AM46" s="512"/>
      <c r="AN46" s="512"/>
      <c r="AO46" s="512"/>
      <c r="AP46" s="512"/>
      <c r="AQ46" s="512"/>
      <c r="AR46" s="512"/>
      <c r="AS46" s="512"/>
      <c r="AT46" s="512"/>
      <c r="AU46" s="512"/>
      <c r="AV46" s="512"/>
      <c r="AW46" s="512"/>
      <c r="AX46" s="512"/>
      <c r="AY46" s="512"/>
      <c r="AZ46" s="512"/>
      <c r="BA46" s="512"/>
      <c r="BB46" s="512"/>
      <c r="BC46" s="512"/>
      <c r="BD46" s="512"/>
      <c r="BE46" s="512"/>
      <c r="BF46" s="512"/>
      <c r="BG46" s="512"/>
      <c r="BH46" s="512"/>
      <c r="BI46" s="512"/>
      <c r="BJ46" s="512"/>
      <c r="BK46" s="512"/>
      <c r="BL46" s="512"/>
      <c r="BM46" s="512"/>
      <c r="BN46" s="512"/>
      <c r="BO46" s="512"/>
      <c r="BP46" s="512"/>
      <c r="BQ46" s="512"/>
      <c r="BR46" s="512"/>
      <c r="BS46" s="512"/>
      <c r="BT46" s="512"/>
      <c r="BU46" s="512"/>
      <c r="BV46" s="512"/>
      <c r="BW46" s="512"/>
      <c r="BX46" s="512"/>
      <c r="BY46" s="512"/>
      <c r="BZ46" s="512"/>
      <c r="CA46" s="512"/>
      <c r="CB46" s="512"/>
      <c r="CC46" s="512"/>
      <c r="CD46" s="512"/>
      <c r="CE46" s="512"/>
      <c r="CF46" s="512"/>
      <c r="CG46" s="512"/>
      <c r="CH46" s="512"/>
      <c r="CI46" s="512"/>
      <c r="CJ46" s="512"/>
      <c r="CK46" s="512"/>
      <c r="CL46" s="512"/>
      <c r="CM46" s="512"/>
      <c r="CN46" s="512"/>
      <c r="CO46" s="512"/>
      <c r="CP46" s="512"/>
      <c r="CQ46" s="512"/>
    </row>
    <row r="47" spans="1:95" s="8" customFormat="1" ht="2.5" customHeight="1" x14ac:dyDescent="0.2">
      <c r="B47" s="91"/>
      <c r="C47" s="91"/>
      <c r="D47" s="91"/>
      <c r="E47" s="91"/>
      <c r="F47" s="91"/>
      <c r="G47" s="91"/>
      <c r="H47" s="91"/>
      <c r="I47" s="91"/>
      <c r="J47" s="91"/>
      <c r="K47" s="91"/>
      <c r="L47" s="91"/>
      <c r="M47" s="91"/>
      <c r="N47" s="91"/>
      <c r="O47" s="91"/>
      <c r="P47" s="91"/>
      <c r="Q47" s="91"/>
      <c r="R47" s="91"/>
      <c r="S47" s="91"/>
      <c r="T47" s="91"/>
      <c r="U47" s="91"/>
      <c r="V47" s="91"/>
      <c r="W47" s="91"/>
      <c r="X47" s="91"/>
      <c r="Y47" s="91"/>
      <c r="Z47" s="91"/>
      <c r="AA47" s="91"/>
      <c r="AB47" s="91"/>
      <c r="AC47" s="91"/>
      <c r="AD47" s="91"/>
      <c r="AE47" s="91"/>
      <c r="AF47" s="91"/>
      <c r="AG47" s="91"/>
      <c r="AH47" s="91"/>
      <c r="AI47" s="91"/>
      <c r="AJ47" s="91"/>
      <c r="AK47" s="91"/>
      <c r="AL47" s="91"/>
      <c r="AM47" s="91"/>
      <c r="AN47" s="91"/>
      <c r="AO47" s="91"/>
      <c r="AP47" s="91"/>
      <c r="AQ47" s="91"/>
      <c r="AR47" s="91"/>
      <c r="AS47" s="91"/>
      <c r="AT47" s="91"/>
      <c r="AU47" s="91"/>
      <c r="AV47" s="91"/>
      <c r="AW47" s="91"/>
      <c r="AX47" s="91"/>
      <c r="AY47" s="91"/>
      <c r="AZ47" s="91"/>
      <c r="BA47" s="91"/>
      <c r="BB47" s="91"/>
      <c r="BC47" s="91"/>
      <c r="BD47" s="91"/>
      <c r="BE47" s="91"/>
      <c r="BF47" s="91"/>
      <c r="BG47" s="91"/>
      <c r="BH47" s="91"/>
      <c r="BI47" s="91"/>
      <c r="BJ47" s="91"/>
      <c r="BK47" s="91"/>
      <c r="BL47" s="91"/>
      <c r="BM47" s="91"/>
      <c r="BN47" s="91"/>
      <c r="BO47" s="91"/>
      <c r="BP47" s="91"/>
      <c r="BQ47" s="91"/>
      <c r="BR47" s="91"/>
      <c r="BS47" s="91"/>
      <c r="BT47" s="87"/>
    </row>
    <row r="48" spans="1:95" s="8" customFormat="1" ht="10" customHeight="1" x14ac:dyDescent="0.2">
      <c r="B48" s="91"/>
      <c r="C48" s="91"/>
      <c r="D48" s="91"/>
      <c r="E48" s="91"/>
      <c r="F48" s="91"/>
      <c r="G48" s="91"/>
      <c r="H48" s="91"/>
      <c r="I48" s="91"/>
      <c r="J48" s="91"/>
      <c r="K48" s="91"/>
      <c r="L48" s="91"/>
      <c r="M48" s="91"/>
      <c r="N48" s="91"/>
      <c r="O48" s="91"/>
      <c r="P48" s="91"/>
      <c r="Q48" s="91"/>
      <c r="R48" s="91"/>
      <c r="S48" s="91"/>
      <c r="T48" s="91"/>
      <c r="U48" s="91"/>
      <c r="V48" s="91"/>
      <c r="W48" s="91"/>
      <c r="X48" s="91"/>
      <c r="Y48" s="91"/>
      <c r="Z48" s="91"/>
      <c r="AA48" s="91"/>
      <c r="AB48" s="91"/>
      <c r="AC48" s="91"/>
      <c r="AD48" s="91"/>
      <c r="AE48" s="91"/>
      <c r="AF48" s="91"/>
      <c r="AG48" s="91"/>
      <c r="AH48" s="91"/>
      <c r="AI48" s="91"/>
      <c r="AJ48" s="91"/>
      <c r="AK48" s="91"/>
      <c r="AL48" s="91"/>
      <c r="AM48" s="91"/>
      <c r="AN48" s="91"/>
      <c r="AO48" s="91"/>
      <c r="AP48" s="91"/>
      <c r="AQ48" s="91"/>
      <c r="AR48" s="91"/>
      <c r="AS48" s="91"/>
      <c r="AT48" s="91"/>
      <c r="AU48" s="91"/>
      <c r="AV48" s="91"/>
      <c r="AW48" s="91"/>
      <c r="AX48" s="91"/>
      <c r="AY48" s="91"/>
      <c r="AZ48" s="91"/>
      <c r="BA48" s="91"/>
      <c r="BB48" s="91"/>
      <c r="BC48" s="91"/>
      <c r="BD48" s="91"/>
      <c r="BE48" s="91"/>
      <c r="BF48" s="91"/>
      <c r="BG48" s="91"/>
      <c r="BH48" s="91"/>
      <c r="BI48" s="91"/>
      <c r="BJ48" s="91"/>
      <c r="BK48" s="91"/>
      <c r="BL48" s="91"/>
      <c r="BM48" s="91"/>
      <c r="BN48" s="91"/>
      <c r="BO48" s="91"/>
      <c r="BP48" s="91"/>
      <c r="BQ48" s="91"/>
      <c r="BR48" s="91"/>
      <c r="BS48" s="91"/>
      <c r="BT48" s="87"/>
    </row>
    <row r="49" spans="1:95" s="8" customFormat="1" ht="13.5" customHeight="1" x14ac:dyDescent="0.2">
      <c r="A49" s="84" t="s">
        <v>82</v>
      </c>
      <c r="B49" s="84"/>
      <c r="C49" s="84"/>
      <c r="D49" s="84"/>
      <c r="E49" s="84"/>
      <c r="F49" s="84"/>
      <c r="G49" s="84"/>
      <c r="H49" s="84"/>
      <c r="I49" s="84"/>
      <c r="J49" s="84"/>
      <c r="K49" s="84"/>
      <c r="L49" s="84"/>
      <c r="M49" s="84"/>
      <c r="N49" s="84"/>
      <c r="O49" s="84"/>
      <c r="P49" s="84"/>
      <c r="Q49" s="84"/>
      <c r="R49" s="84"/>
      <c r="S49" s="84"/>
      <c r="T49" s="84"/>
      <c r="U49" s="84"/>
      <c r="V49" s="84"/>
      <c r="W49" s="84"/>
      <c r="X49" s="84"/>
      <c r="Y49" s="84"/>
      <c r="Z49" s="84"/>
      <c r="AA49" s="84"/>
      <c r="AB49" s="84"/>
      <c r="AC49" s="84"/>
      <c r="AD49" s="84"/>
      <c r="AE49" s="91"/>
      <c r="AF49" s="91"/>
      <c r="AG49" s="91"/>
      <c r="AH49" s="91"/>
      <c r="AI49" s="91"/>
      <c r="AJ49" s="91"/>
      <c r="AK49" s="91"/>
      <c r="AL49" s="91"/>
      <c r="AM49" s="91"/>
      <c r="AN49" s="91"/>
      <c r="AO49" s="91"/>
      <c r="AP49" s="91"/>
      <c r="AQ49" s="91"/>
      <c r="AR49" s="91"/>
      <c r="AS49" s="91"/>
      <c r="AT49" s="91"/>
      <c r="AU49" s="91"/>
      <c r="AV49" s="91"/>
      <c r="AW49" s="91"/>
      <c r="AX49" s="91"/>
      <c r="AY49" s="91"/>
      <c r="AZ49" s="91"/>
      <c r="BA49" s="91"/>
      <c r="BB49" s="91"/>
      <c r="BC49" s="91"/>
      <c r="BD49" s="91"/>
      <c r="BE49" s="91"/>
      <c r="BF49" s="91"/>
      <c r="BG49" s="91"/>
      <c r="BH49" s="91"/>
      <c r="BI49" s="91"/>
      <c r="BJ49" s="91"/>
      <c r="BK49" s="91"/>
      <c r="BL49" s="91"/>
      <c r="BM49" s="91"/>
      <c r="BN49" s="91"/>
      <c r="BO49" s="91"/>
      <c r="BP49" s="91"/>
      <c r="BQ49" s="91"/>
      <c r="BR49" s="91"/>
      <c r="BS49" s="91"/>
      <c r="BT49" s="87"/>
    </row>
    <row r="50" spans="1:95" s="8" customFormat="1" ht="11.25" customHeight="1" x14ac:dyDescent="0.2">
      <c r="B50" s="91"/>
      <c r="C50" s="91"/>
      <c r="D50" s="91"/>
      <c r="E50" s="91"/>
      <c r="F50" s="91"/>
      <c r="G50" s="91"/>
      <c r="H50" s="91"/>
      <c r="I50" s="91"/>
      <c r="J50" s="91"/>
      <c r="K50" s="91"/>
      <c r="L50" s="91"/>
      <c r="M50" s="91"/>
      <c r="N50" s="91"/>
      <c r="O50" s="91"/>
      <c r="P50" s="91"/>
      <c r="Q50" s="91"/>
      <c r="R50" s="91"/>
      <c r="S50" s="91"/>
      <c r="T50" s="91"/>
      <c r="U50" s="91"/>
      <c r="V50" s="91"/>
      <c r="W50" s="91"/>
      <c r="X50" s="91"/>
      <c r="Y50" s="91"/>
      <c r="Z50" s="91"/>
      <c r="AA50" s="91"/>
      <c r="AB50" s="91"/>
      <c r="AC50" s="91"/>
      <c r="AD50" s="91"/>
      <c r="AE50" s="91"/>
      <c r="AF50" s="91"/>
      <c r="AG50" s="91"/>
      <c r="AH50" s="91"/>
      <c r="AI50" s="91"/>
      <c r="AJ50" s="91"/>
      <c r="AK50" s="91"/>
      <c r="AL50" s="91"/>
      <c r="AM50" s="91"/>
      <c r="AN50" s="91"/>
      <c r="AO50" s="91"/>
      <c r="AP50" s="91"/>
      <c r="AQ50" s="91"/>
      <c r="AR50" s="91"/>
      <c r="AS50" s="91"/>
      <c r="AT50" s="91"/>
      <c r="AU50" s="91"/>
      <c r="AV50" s="91"/>
      <c r="AW50" s="91"/>
      <c r="AX50" s="91"/>
      <c r="AY50" s="91"/>
      <c r="AZ50" s="91"/>
      <c r="BA50" s="91"/>
      <c r="BB50" s="91"/>
      <c r="BC50" s="91"/>
      <c r="BD50" s="91"/>
      <c r="BE50" s="91"/>
      <c r="BF50" s="91"/>
      <c r="BG50" s="91"/>
      <c r="BH50" s="91"/>
      <c r="BI50" s="91"/>
      <c r="BJ50" s="91"/>
      <c r="BK50" s="91"/>
      <c r="BL50" s="91"/>
      <c r="BM50" s="91"/>
      <c r="BN50" s="91"/>
      <c r="BO50" s="91"/>
      <c r="BP50" s="91"/>
      <c r="BQ50" s="91"/>
      <c r="BR50" s="91"/>
      <c r="BS50" s="91"/>
      <c r="BT50" s="87"/>
    </row>
    <row r="51" spans="1:95" s="8" customFormat="1" ht="11.25" customHeight="1" x14ac:dyDescent="0.55000000000000004">
      <c r="A51" s="512" t="s">
        <v>101</v>
      </c>
      <c r="B51" s="512"/>
      <c r="C51" s="512"/>
      <c r="D51" s="512"/>
      <c r="E51" s="512"/>
      <c r="F51" s="512"/>
      <c r="G51" s="512"/>
      <c r="H51" s="512"/>
      <c r="I51" s="512"/>
      <c r="J51" s="512"/>
      <c r="K51" s="512"/>
      <c r="L51" s="512"/>
      <c r="M51" s="512"/>
      <c r="N51" s="512"/>
      <c r="O51" s="512"/>
      <c r="P51" s="512"/>
      <c r="Q51" s="512"/>
      <c r="R51" s="512"/>
      <c r="S51" s="512"/>
      <c r="T51" s="512"/>
      <c r="U51" s="512"/>
      <c r="V51" s="512"/>
      <c r="W51" s="512"/>
      <c r="X51" s="512"/>
      <c r="Y51" s="512"/>
      <c r="Z51" s="512"/>
      <c r="AA51" s="512"/>
      <c r="AB51" s="512"/>
      <c r="AC51" s="512"/>
      <c r="AD51" s="512"/>
      <c r="AE51" s="512"/>
      <c r="AF51" s="512"/>
      <c r="AG51" s="512"/>
      <c r="AH51" s="512"/>
      <c r="AI51" s="512"/>
      <c r="AJ51" s="512"/>
      <c r="AK51" s="512"/>
      <c r="AL51" s="512"/>
      <c r="AM51" s="512"/>
      <c r="AN51" s="512"/>
      <c r="AO51" s="512"/>
      <c r="AP51" s="512"/>
      <c r="AQ51" s="512"/>
      <c r="AR51" s="512"/>
      <c r="AS51" s="512"/>
      <c r="AT51" s="512"/>
      <c r="AU51" s="512"/>
      <c r="AV51" s="512"/>
      <c r="AW51" s="512"/>
      <c r="AX51" s="512"/>
      <c r="AY51" s="512"/>
      <c r="AZ51" s="512"/>
      <c r="BA51" s="512"/>
      <c r="BB51" s="512"/>
      <c r="BC51" s="512"/>
      <c r="BD51" s="512"/>
      <c r="BE51" s="512"/>
      <c r="BF51" s="512"/>
      <c r="BG51" s="512"/>
      <c r="BH51" s="512"/>
      <c r="BI51" s="512"/>
      <c r="BJ51" s="512"/>
      <c r="BK51" s="512"/>
      <c r="BL51" s="512"/>
      <c r="BM51" s="512"/>
      <c r="BN51" s="512"/>
      <c r="BO51" s="512"/>
      <c r="BP51" s="512"/>
      <c r="BQ51" s="512"/>
      <c r="BR51" s="512"/>
      <c r="BS51" s="512"/>
      <c r="BT51" s="512"/>
      <c r="BU51" s="512"/>
      <c r="BV51" s="512"/>
      <c r="BW51" s="512"/>
      <c r="BX51" s="512"/>
      <c r="BY51" s="512"/>
      <c r="BZ51" s="512"/>
      <c r="CA51" s="512"/>
      <c r="CB51" s="512"/>
      <c r="CC51" s="512"/>
      <c r="CD51" s="512"/>
      <c r="CE51" s="512"/>
      <c r="CF51" s="512"/>
      <c r="CG51" s="512"/>
      <c r="CH51" s="512"/>
      <c r="CI51" s="512"/>
      <c r="CJ51" s="512"/>
      <c r="CK51" s="512"/>
      <c r="CL51" s="512"/>
      <c r="CM51" s="512"/>
      <c r="CN51" s="512"/>
      <c r="CO51" s="512"/>
      <c r="CP51" s="512"/>
      <c r="CQ51" s="512"/>
    </row>
    <row r="52" spans="1:95" s="8" customFormat="1" ht="11.25" customHeight="1" x14ac:dyDescent="0.55000000000000004">
      <c r="A52" s="512"/>
      <c r="B52" s="512"/>
      <c r="C52" s="512"/>
      <c r="D52" s="512"/>
      <c r="E52" s="512"/>
      <c r="F52" s="512"/>
      <c r="G52" s="512"/>
      <c r="H52" s="512"/>
      <c r="I52" s="512"/>
      <c r="J52" s="512"/>
      <c r="K52" s="512"/>
      <c r="L52" s="512"/>
      <c r="M52" s="512"/>
      <c r="N52" s="512"/>
      <c r="O52" s="512"/>
      <c r="P52" s="512"/>
      <c r="Q52" s="512"/>
      <c r="R52" s="512"/>
      <c r="S52" s="512"/>
      <c r="T52" s="512"/>
      <c r="U52" s="512"/>
      <c r="V52" s="512"/>
      <c r="W52" s="512"/>
      <c r="X52" s="512"/>
      <c r="Y52" s="512"/>
      <c r="Z52" s="512"/>
      <c r="AA52" s="512"/>
      <c r="AB52" s="512"/>
      <c r="AC52" s="512"/>
      <c r="AD52" s="512"/>
      <c r="AE52" s="512"/>
      <c r="AF52" s="512"/>
      <c r="AG52" s="512"/>
      <c r="AH52" s="512"/>
      <c r="AI52" s="512"/>
      <c r="AJ52" s="512"/>
      <c r="AK52" s="512"/>
      <c r="AL52" s="512"/>
      <c r="AM52" s="512"/>
      <c r="AN52" s="512"/>
      <c r="AO52" s="512"/>
      <c r="AP52" s="512"/>
      <c r="AQ52" s="512"/>
      <c r="AR52" s="512"/>
      <c r="AS52" s="512"/>
      <c r="AT52" s="512"/>
      <c r="AU52" s="512"/>
      <c r="AV52" s="512"/>
      <c r="AW52" s="512"/>
      <c r="AX52" s="512"/>
      <c r="AY52" s="512"/>
      <c r="AZ52" s="512"/>
      <c r="BA52" s="512"/>
      <c r="BB52" s="512"/>
      <c r="BC52" s="512"/>
      <c r="BD52" s="512"/>
      <c r="BE52" s="512"/>
      <c r="BF52" s="512"/>
      <c r="BG52" s="512"/>
      <c r="BH52" s="512"/>
      <c r="BI52" s="512"/>
      <c r="BJ52" s="512"/>
      <c r="BK52" s="512"/>
      <c r="BL52" s="512"/>
      <c r="BM52" s="512"/>
      <c r="BN52" s="512"/>
      <c r="BO52" s="512"/>
      <c r="BP52" s="512"/>
      <c r="BQ52" s="512"/>
      <c r="BR52" s="512"/>
      <c r="BS52" s="512"/>
      <c r="BT52" s="512"/>
      <c r="BU52" s="512"/>
      <c r="BV52" s="512"/>
      <c r="BW52" s="512"/>
      <c r="BX52" s="512"/>
      <c r="BY52" s="512"/>
      <c r="BZ52" s="512"/>
      <c r="CA52" s="512"/>
      <c r="CB52" s="512"/>
      <c r="CC52" s="512"/>
      <c r="CD52" s="512"/>
      <c r="CE52" s="512"/>
      <c r="CF52" s="512"/>
      <c r="CG52" s="512"/>
      <c r="CH52" s="512"/>
      <c r="CI52" s="512"/>
      <c r="CJ52" s="512"/>
      <c r="CK52" s="512"/>
      <c r="CL52" s="512"/>
      <c r="CM52" s="512"/>
      <c r="CN52" s="512"/>
      <c r="CO52" s="512"/>
      <c r="CP52" s="512"/>
      <c r="CQ52" s="512"/>
    </row>
    <row r="53" spans="1:95" s="8" customFormat="1" ht="11.25" customHeight="1" x14ac:dyDescent="0.55000000000000004">
      <c r="A53" s="512"/>
      <c r="B53" s="512"/>
      <c r="C53" s="512"/>
      <c r="D53" s="512"/>
      <c r="E53" s="512"/>
      <c r="F53" s="512"/>
      <c r="G53" s="512"/>
      <c r="H53" s="512"/>
      <c r="I53" s="512"/>
      <c r="J53" s="512"/>
      <c r="K53" s="512"/>
      <c r="L53" s="512"/>
      <c r="M53" s="512"/>
      <c r="N53" s="512"/>
      <c r="O53" s="512"/>
      <c r="P53" s="512"/>
      <c r="Q53" s="512"/>
      <c r="R53" s="512"/>
      <c r="S53" s="512"/>
      <c r="T53" s="512"/>
      <c r="U53" s="512"/>
      <c r="V53" s="512"/>
      <c r="W53" s="512"/>
      <c r="X53" s="512"/>
      <c r="Y53" s="512"/>
      <c r="Z53" s="512"/>
      <c r="AA53" s="512"/>
      <c r="AB53" s="512"/>
      <c r="AC53" s="512"/>
      <c r="AD53" s="512"/>
      <c r="AE53" s="512"/>
      <c r="AF53" s="512"/>
      <c r="AG53" s="512"/>
      <c r="AH53" s="512"/>
      <c r="AI53" s="512"/>
      <c r="AJ53" s="512"/>
      <c r="AK53" s="512"/>
      <c r="AL53" s="512"/>
      <c r="AM53" s="512"/>
      <c r="AN53" s="512"/>
      <c r="AO53" s="512"/>
      <c r="AP53" s="512"/>
      <c r="AQ53" s="512"/>
      <c r="AR53" s="512"/>
      <c r="AS53" s="512"/>
      <c r="AT53" s="512"/>
      <c r="AU53" s="512"/>
      <c r="AV53" s="512"/>
      <c r="AW53" s="512"/>
      <c r="AX53" s="512"/>
      <c r="AY53" s="512"/>
      <c r="AZ53" s="512"/>
      <c r="BA53" s="512"/>
      <c r="BB53" s="512"/>
      <c r="BC53" s="512"/>
      <c r="BD53" s="512"/>
      <c r="BE53" s="512"/>
      <c r="BF53" s="512"/>
      <c r="BG53" s="512"/>
      <c r="BH53" s="512"/>
      <c r="BI53" s="512"/>
      <c r="BJ53" s="512"/>
      <c r="BK53" s="512"/>
      <c r="BL53" s="512"/>
      <c r="BM53" s="512"/>
      <c r="BN53" s="512"/>
      <c r="BO53" s="512"/>
      <c r="BP53" s="512"/>
      <c r="BQ53" s="512"/>
      <c r="BR53" s="512"/>
      <c r="BS53" s="512"/>
      <c r="BT53" s="512"/>
      <c r="BU53" s="512"/>
      <c r="BV53" s="512"/>
      <c r="BW53" s="512"/>
      <c r="BX53" s="512"/>
      <c r="BY53" s="512"/>
      <c r="BZ53" s="512"/>
      <c r="CA53" s="512"/>
      <c r="CB53" s="512"/>
      <c r="CC53" s="512"/>
      <c r="CD53" s="512"/>
      <c r="CE53" s="512"/>
      <c r="CF53" s="512"/>
      <c r="CG53" s="512"/>
      <c r="CH53" s="512"/>
      <c r="CI53" s="512"/>
      <c r="CJ53" s="512"/>
      <c r="CK53" s="512"/>
      <c r="CL53" s="512"/>
      <c r="CM53" s="512"/>
      <c r="CN53" s="512"/>
      <c r="CO53" s="512"/>
      <c r="CP53" s="512"/>
      <c r="CQ53" s="512"/>
    </row>
    <row r="54" spans="1:95" s="8" customFormat="1" ht="11.25" customHeight="1" x14ac:dyDescent="0.55000000000000004">
      <c r="A54" s="512"/>
      <c r="B54" s="512"/>
      <c r="C54" s="512"/>
      <c r="D54" s="512"/>
      <c r="E54" s="512"/>
      <c r="F54" s="512"/>
      <c r="G54" s="512"/>
      <c r="H54" s="512"/>
      <c r="I54" s="512"/>
      <c r="J54" s="512"/>
      <c r="K54" s="512"/>
      <c r="L54" s="512"/>
      <c r="M54" s="512"/>
      <c r="N54" s="512"/>
      <c r="O54" s="512"/>
      <c r="P54" s="512"/>
      <c r="Q54" s="512"/>
      <c r="R54" s="512"/>
      <c r="S54" s="512"/>
      <c r="T54" s="512"/>
      <c r="U54" s="512"/>
      <c r="V54" s="512"/>
      <c r="W54" s="512"/>
      <c r="X54" s="512"/>
      <c r="Y54" s="512"/>
      <c r="Z54" s="512"/>
      <c r="AA54" s="512"/>
      <c r="AB54" s="512"/>
      <c r="AC54" s="512"/>
      <c r="AD54" s="512"/>
      <c r="AE54" s="512"/>
      <c r="AF54" s="512"/>
      <c r="AG54" s="512"/>
      <c r="AH54" s="512"/>
      <c r="AI54" s="512"/>
      <c r="AJ54" s="512"/>
      <c r="AK54" s="512"/>
      <c r="AL54" s="512"/>
      <c r="AM54" s="512"/>
      <c r="AN54" s="512"/>
      <c r="AO54" s="512"/>
      <c r="AP54" s="512"/>
      <c r="AQ54" s="512"/>
      <c r="AR54" s="512"/>
      <c r="AS54" s="512"/>
      <c r="AT54" s="512"/>
      <c r="AU54" s="512"/>
      <c r="AV54" s="512"/>
      <c r="AW54" s="512"/>
      <c r="AX54" s="512"/>
      <c r="AY54" s="512"/>
      <c r="AZ54" s="512"/>
      <c r="BA54" s="512"/>
      <c r="BB54" s="512"/>
      <c r="BC54" s="512"/>
      <c r="BD54" s="512"/>
      <c r="BE54" s="512"/>
      <c r="BF54" s="512"/>
      <c r="BG54" s="512"/>
      <c r="BH54" s="512"/>
      <c r="BI54" s="512"/>
      <c r="BJ54" s="512"/>
      <c r="BK54" s="512"/>
      <c r="BL54" s="512"/>
      <c r="BM54" s="512"/>
      <c r="BN54" s="512"/>
      <c r="BO54" s="512"/>
      <c r="BP54" s="512"/>
      <c r="BQ54" s="512"/>
      <c r="BR54" s="512"/>
      <c r="BS54" s="512"/>
      <c r="BT54" s="512"/>
      <c r="BU54" s="512"/>
      <c r="BV54" s="512"/>
      <c r="BW54" s="512"/>
      <c r="BX54" s="512"/>
      <c r="BY54" s="512"/>
      <c r="BZ54" s="512"/>
      <c r="CA54" s="512"/>
      <c r="CB54" s="512"/>
      <c r="CC54" s="512"/>
      <c r="CD54" s="512"/>
      <c r="CE54" s="512"/>
      <c r="CF54" s="512"/>
      <c r="CG54" s="512"/>
      <c r="CH54" s="512"/>
      <c r="CI54" s="512"/>
      <c r="CJ54" s="512"/>
      <c r="CK54" s="512"/>
      <c r="CL54" s="512"/>
      <c r="CM54" s="512"/>
      <c r="CN54" s="512"/>
      <c r="CO54" s="512"/>
      <c r="CP54" s="512"/>
      <c r="CQ54" s="512"/>
    </row>
    <row r="55" spans="1:95" s="8" customFormat="1" ht="11.25" customHeight="1" x14ac:dyDescent="0.55000000000000004">
      <c r="A55" s="512"/>
      <c r="B55" s="512"/>
      <c r="C55" s="512"/>
      <c r="D55" s="512"/>
      <c r="E55" s="512"/>
      <c r="F55" s="512"/>
      <c r="G55" s="512"/>
      <c r="H55" s="512"/>
      <c r="I55" s="512"/>
      <c r="J55" s="512"/>
      <c r="K55" s="512"/>
      <c r="L55" s="512"/>
      <c r="M55" s="512"/>
      <c r="N55" s="512"/>
      <c r="O55" s="512"/>
      <c r="P55" s="512"/>
      <c r="Q55" s="512"/>
      <c r="R55" s="512"/>
      <c r="S55" s="512"/>
      <c r="T55" s="512"/>
      <c r="U55" s="512"/>
      <c r="V55" s="512"/>
      <c r="W55" s="512"/>
      <c r="X55" s="512"/>
      <c r="Y55" s="512"/>
      <c r="Z55" s="512"/>
      <c r="AA55" s="512"/>
      <c r="AB55" s="512"/>
      <c r="AC55" s="512"/>
      <c r="AD55" s="512"/>
      <c r="AE55" s="512"/>
      <c r="AF55" s="512"/>
      <c r="AG55" s="512"/>
      <c r="AH55" s="512"/>
      <c r="AI55" s="512"/>
      <c r="AJ55" s="512"/>
      <c r="AK55" s="512"/>
      <c r="AL55" s="512"/>
      <c r="AM55" s="512"/>
      <c r="AN55" s="512"/>
      <c r="AO55" s="512"/>
      <c r="AP55" s="512"/>
      <c r="AQ55" s="512"/>
      <c r="AR55" s="512"/>
      <c r="AS55" s="512"/>
      <c r="AT55" s="512"/>
      <c r="AU55" s="512"/>
      <c r="AV55" s="512"/>
      <c r="AW55" s="512"/>
      <c r="AX55" s="512"/>
      <c r="AY55" s="512"/>
      <c r="AZ55" s="512"/>
      <c r="BA55" s="512"/>
      <c r="BB55" s="512"/>
      <c r="BC55" s="512"/>
      <c r="BD55" s="512"/>
      <c r="BE55" s="512"/>
      <c r="BF55" s="512"/>
      <c r="BG55" s="512"/>
      <c r="BH55" s="512"/>
      <c r="BI55" s="512"/>
      <c r="BJ55" s="512"/>
      <c r="BK55" s="512"/>
      <c r="BL55" s="512"/>
      <c r="BM55" s="512"/>
      <c r="BN55" s="512"/>
      <c r="BO55" s="512"/>
      <c r="BP55" s="512"/>
      <c r="BQ55" s="512"/>
      <c r="BR55" s="512"/>
      <c r="BS55" s="512"/>
      <c r="BT55" s="512"/>
      <c r="BU55" s="512"/>
      <c r="BV55" s="512"/>
      <c r="BW55" s="512"/>
      <c r="BX55" s="512"/>
      <c r="BY55" s="512"/>
      <c r="BZ55" s="512"/>
      <c r="CA55" s="512"/>
      <c r="CB55" s="512"/>
      <c r="CC55" s="512"/>
      <c r="CD55" s="512"/>
      <c r="CE55" s="512"/>
      <c r="CF55" s="512"/>
      <c r="CG55" s="512"/>
      <c r="CH55" s="512"/>
      <c r="CI55" s="512"/>
      <c r="CJ55" s="512"/>
      <c r="CK55" s="512"/>
      <c r="CL55" s="512"/>
      <c r="CM55" s="512"/>
      <c r="CN55" s="512"/>
      <c r="CO55" s="512"/>
      <c r="CP55" s="512"/>
      <c r="CQ55" s="512"/>
    </row>
    <row r="56" spans="1:95" s="8" customFormat="1" ht="11.25" customHeight="1" x14ac:dyDescent="0.55000000000000004">
      <c r="A56" s="512"/>
      <c r="B56" s="512"/>
      <c r="C56" s="512"/>
      <c r="D56" s="512"/>
      <c r="E56" s="512"/>
      <c r="F56" s="512"/>
      <c r="G56" s="512"/>
      <c r="H56" s="512"/>
      <c r="I56" s="512"/>
      <c r="J56" s="512"/>
      <c r="K56" s="512"/>
      <c r="L56" s="512"/>
      <c r="M56" s="512"/>
      <c r="N56" s="512"/>
      <c r="O56" s="512"/>
      <c r="P56" s="512"/>
      <c r="Q56" s="512"/>
      <c r="R56" s="512"/>
      <c r="S56" s="512"/>
      <c r="T56" s="512"/>
      <c r="U56" s="512"/>
      <c r="V56" s="512"/>
      <c r="W56" s="512"/>
      <c r="X56" s="512"/>
      <c r="Y56" s="512"/>
      <c r="Z56" s="512"/>
      <c r="AA56" s="512"/>
      <c r="AB56" s="512"/>
      <c r="AC56" s="512"/>
      <c r="AD56" s="512"/>
      <c r="AE56" s="512"/>
      <c r="AF56" s="512"/>
      <c r="AG56" s="512"/>
      <c r="AH56" s="512"/>
      <c r="AI56" s="512"/>
      <c r="AJ56" s="512"/>
      <c r="AK56" s="512"/>
      <c r="AL56" s="512"/>
      <c r="AM56" s="512"/>
      <c r="AN56" s="512"/>
      <c r="AO56" s="512"/>
      <c r="AP56" s="512"/>
      <c r="AQ56" s="512"/>
      <c r="AR56" s="512"/>
      <c r="AS56" s="512"/>
      <c r="AT56" s="512"/>
      <c r="AU56" s="512"/>
      <c r="AV56" s="512"/>
      <c r="AW56" s="512"/>
      <c r="AX56" s="512"/>
      <c r="AY56" s="512"/>
      <c r="AZ56" s="512"/>
      <c r="BA56" s="512"/>
      <c r="BB56" s="512"/>
      <c r="BC56" s="512"/>
      <c r="BD56" s="512"/>
      <c r="BE56" s="512"/>
      <c r="BF56" s="512"/>
      <c r="BG56" s="512"/>
      <c r="BH56" s="512"/>
      <c r="BI56" s="512"/>
      <c r="BJ56" s="512"/>
      <c r="BK56" s="512"/>
      <c r="BL56" s="512"/>
      <c r="BM56" s="512"/>
      <c r="BN56" s="512"/>
      <c r="BO56" s="512"/>
      <c r="BP56" s="512"/>
      <c r="BQ56" s="512"/>
      <c r="BR56" s="512"/>
      <c r="BS56" s="512"/>
      <c r="BT56" s="512"/>
      <c r="BU56" s="512"/>
      <c r="BV56" s="512"/>
      <c r="BW56" s="512"/>
      <c r="BX56" s="512"/>
      <c r="BY56" s="512"/>
      <c r="BZ56" s="512"/>
      <c r="CA56" s="512"/>
      <c r="CB56" s="512"/>
      <c r="CC56" s="512"/>
      <c r="CD56" s="512"/>
      <c r="CE56" s="512"/>
      <c r="CF56" s="512"/>
      <c r="CG56" s="512"/>
      <c r="CH56" s="512"/>
      <c r="CI56" s="512"/>
      <c r="CJ56" s="512"/>
      <c r="CK56" s="512"/>
      <c r="CL56" s="512"/>
      <c r="CM56" s="512"/>
      <c r="CN56" s="512"/>
      <c r="CO56" s="512"/>
      <c r="CP56" s="512"/>
      <c r="CQ56" s="512"/>
    </row>
    <row r="57" spans="1:95" s="8" customFormat="1" ht="11.25" customHeight="1" x14ac:dyDescent="0.55000000000000004">
      <c r="A57" s="512"/>
      <c r="B57" s="512"/>
      <c r="C57" s="512"/>
      <c r="D57" s="512"/>
      <c r="E57" s="512"/>
      <c r="F57" s="512"/>
      <c r="G57" s="512"/>
      <c r="H57" s="512"/>
      <c r="I57" s="512"/>
      <c r="J57" s="512"/>
      <c r="K57" s="512"/>
      <c r="L57" s="512"/>
      <c r="M57" s="512"/>
      <c r="N57" s="512"/>
      <c r="O57" s="512"/>
      <c r="P57" s="512"/>
      <c r="Q57" s="512"/>
      <c r="R57" s="512"/>
      <c r="S57" s="512"/>
      <c r="T57" s="512"/>
      <c r="U57" s="512"/>
      <c r="V57" s="512"/>
      <c r="W57" s="512"/>
      <c r="X57" s="512"/>
      <c r="Y57" s="512"/>
      <c r="Z57" s="512"/>
      <c r="AA57" s="512"/>
      <c r="AB57" s="512"/>
      <c r="AC57" s="512"/>
      <c r="AD57" s="512"/>
      <c r="AE57" s="512"/>
      <c r="AF57" s="512"/>
      <c r="AG57" s="512"/>
      <c r="AH57" s="512"/>
      <c r="AI57" s="512"/>
      <c r="AJ57" s="512"/>
      <c r="AK57" s="512"/>
      <c r="AL57" s="512"/>
      <c r="AM57" s="512"/>
      <c r="AN57" s="512"/>
      <c r="AO57" s="512"/>
      <c r="AP57" s="512"/>
      <c r="AQ57" s="512"/>
      <c r="AR57" s="512"/>
      <c r="AS57" s="512"/>
      <c r="AT57" s="512"/>
      <c r="AU57" s="512"/>
      <c r="AV57" s="512"/>
      <c r="AW57" s="512"/>
      <c r="AX57" s="512"/>
      <c r="AY57" s="512"/>
      <c r="AZ57" s="512"/>
      <c r="BA57" s="512"/>
      <c r="BB57" s="512"/>
      <c r="BC57" s="512"/>
      <c r="BD57" s="512"/>
      <c r="BE57" s="512"/>
      <c r="BF57" s="512"/>
      <c r="BG57" s="512"/>
      <c r="BH57" s="512"/>
      <c r="BI57" s="512"/>
      <c r="BJ57" s="512"/>
      <c r="BK57" s="512"/>
      <c r="BL57" s="512"/>
      <c r="BM57" s="512"/>
      <c r="BN57" s="512"/>
      <c r="BO57" s="512"/>
      <c r="BP57" s="512"/>
      <c r="BQ57" s="512"/>
      <c r="BR57" s="512"/>
      <c r="BS57" s="512"/>
      <c r="BT57" s="512"/>
      <c r="BU57" s="512"/>
      <c r="BV57" s="512"/>
      <c r="BW57" s="512"/>
      <c r="BX57" s="512"/>
      <c r="BY57" s="512"/>
      <c r="BZ57" s="512"/>
      <c r="CA57" s="512"/>
      <c r="CB57" s="512"/>
      <c r="CC57" s="512"/>
      <c r="CD57" s="512"/>
      <c r="CE57" s="512"/>
      <c r="CF57" s="512"/>
      <c r="CG57" s="512"/>
      <c r="CH57" s="512"/>
      <c r="CI57" s="512"/>
      <c r="CJ57" s="512"/>
      <c r="CK57" s="512"/>
      <c r="CL57" s="512"/>
      <c r="CM57" s="512"/>
      <c r="CN57" s="512"/>
      <c r="CO57" s="512"/>
      <c r="CP57" s="512"/>
      <c r="CQ57" s="512"/>
    </row>
    <row r="58" spans="1:95" s="8" customFormat="1" ht="9.75" customHeight="1" x14ac:dyDescent="0.55000000000000004">
      <c r="A58" s="512"/>
      <c r="B58" s="512"/>
      <c r="C58" s="512"/>
      <c r="D58" s="512"/>
      <c r="E58" s="512"/>
      <c r="F58" s="512"/>
      <c r="G58" s="512"/>
      <c r="H58" s="512"/>
      <c r="I58" s="512"/>
      <c r="J58" s="512"/>
      <c r="K58" s="512"/>
      <c r="L58" s="512"/>
      <c r="M58" s="512"/>
      <c r="N58" s="512"/>
      <c r="O58" s="512"/>
      <c r="P58" s="512"/>
      <c r="Q58" s="512"/>
      <c r="R58" s="512"/>
      <c r="S58" s="512"/>
      <c r="T58" s="512"/>
      <c r="U58" s="512"/>
      <c r="V58" s="512"/>
      <c r="W58" s="512"/>
      <c r="X58" s="512"/>
      <c r="Y58" s="512"/>
      <c r="Z58" s="512"/>
      <c r="AA58" s="512"/>
      <c r="AB58" s="512"/>
      <c r="AC58" s="512"/>
      <c r="AD58" s="512"/>
      <c r="AE58" s="512"/>
      <c r="AF58" s="512"/>
      <c r="AG58" s="512"/>
      <c r="AH58" s="512"/>
      <c r="AI58" s="512"/>
      <c r="AJ58" s="512"/>
      <c r="AK58" s="512"/>
      <c r="AL58" s="512"/>
      <c r="AM58" s="512"/>
      <c r="AN58" s="512"/>
      <c r="AO58" s="512"/>
      <c r="AP58" s="512"/>
      <c r="AQ58" s="512"/>
      <c r="AR58" s="512"/>
      <c r="AS58" s="512"/>
      <c r="AT58" s="512"/>
      <c r="AU58" s="512"/>
      <c r="AV58" s="512"/>
      <c r="AW58" s="512"/>
      <c r="AX58" s="512"/>
      <c r="AY58" s="512"/>
      <c r="AZ58" s="512"/>
      <c r="BA58" s="512"/>
      <c r="BB58" s="512"/>
      <c r="BC58" s="512"/>
      <c r="BD58" s="512"/>
      <c r="BE58" s="512"/>
      <c r="BF58" s="512"/>
      <c r="BG58" s="512"/>
      <c r="BH58" s="512"/>
      <c r="BI58" s="512"/>
      <c r="BJ58" s="512"/>
      <c r="BK58" s="512"/>
      <c r="BL58" s="512"/>
      <c r="BM58" s="512"/>
      <c r="BN58" s="512"/>
      <c r="BO58" s="512"/>
      <c r="BP58" s="512"/>
      <c r="BQ58" s="512"/>
      <c r="BR58" s="512"/>
      <c r="BS58" s="512"/>
      <c r="BT58" s="512"/>
      <c r="BU58" s="512"/>
      <c r="BV58" s="512"/>
      <c r="BW58" s="512"/>
      <c r="BX58" s="512"/>
      <c r="BY58" s="512"/>
      <c r="BZ58" s="512"/>
      <c r="CA58" s="512"/>
      <c r="CB58" s="512"/>
      <c r="CC58" s="512"/>
      <c r="CD58" s="512"/>
      <c r="CE58" s="512"/>
      <c r="CF58" s="512"/>
      <c r="CG58" s="512"/>
      <c r="CH58" s="512"/>
      <c r="CI58" s="512"/>
      <c r="CJ58" s="512"/>
      <c r="CK58" s="512"/>
      <c r="CL58" s="512"/>
      <c r="CM58" s="512"/>
      <c r="CN58" s="512"/>
      <c r="CO58" s="512"/>
      <c r="CP58" s="512"/>
      <c r="CQ58" s="512"/>
    </row>
    <row r="59" spans="1:95" s="8" customFormat="1" ht="10" customHeight="1" x14ac:dyDescent="0.55000000000000004">
      <c r="A59" s="512"/>
      <c r="B59" s="512"/>
      <c r="C59" s="512"/>
      <c r="D59" s="512"/>
      <c r="E59" s="512"/>
      <c r="F59" s="512"/>
      <c r="G59" s="512"/>
      <c r="H59" s="512"/>
      <c r="I59" s="512"/>
      <c r="J59" s="512"/>
      <c r="K59" s="512"/>
      <c r="L59" s="512"/>
      <c r="M59" s="512"/>
      <c r="N59" s="512"/>
      <c r="O59" s="512"/>
      <c r="P59" s="512"/>
      <c r="Q59" s="512"/>
      <c r="R59" s="512"/>
      <c r="S59" s="512"/>
      <c r="T59" s="512"/>
      <c r="U59" s="512"/>
      <c r="V59" s="512"/>
      <c r="W59" s="512"/>
      <c r="X59" s="512"/>
      <c r="Y59" s="512"/>
      <c r="Z59" s="512"/>
      <c r="AA59" s="512"/>
      <c r="AB59" s="512"/>
      <c r="AC59" s="512"/>
      <c r="AD59" s="512"/>
      <c r="AE59" s="512"/>
      <c r="AF59" s="512"/>
      <c r="AG59" s="512"/>
      <c r="AH59" s="512"/>
      <c r="AI59" s="512"/>
      <c r="AJ59" s="512"/>
      <c r="AK59" s="512"/>
      <c r="AL59" s="512"/>
      <c r="AM59" s="512"/>
      <c r="AN59" s="512"/>
      <c r="AO59" s="512"/>
      <c r="AP59" s="512"/>
      <c r="AQ59" s="512"/>
      <c r="AR59" s="512"/>
      <c r="AS59" s="512"/>
      <c r="AT59" s="512"/>
      <c r="AU59" s="512"/>
      <c r="AV59" s="512"/>
      <c r="AW59" s="512"/>
      <c r="AX59" s="512"/>
      <c r="AY59" s="512"/>
      <c r="AZ59" s="512"/>
      <c r="BA59" s="512"/>
      <c r="BB59" s="512"/>
      <c r="BC59" s="512"/>
      <c r="BD59" s="512"/>
      <c r="BE59" s="512"/>
      <c r="BF59" s="512"/>
      <c r="BG59" s="512"/>
      <c r="BH59" s="512"/>
      <c r="BI59" s="512"/>
      <c r="BJ59" s="512"/>
      <c r="BK59" s="512"/>
      <c r="BL59" s="512"/>
      <c r="BM59" s="512"/>
      <c r="BN59" s="512"/>
      <c r="BO59" s="512"/>
      <c r="BP59" s="512"/>
      <c r="BQ59" s="512"/>
      <c r="BR59" s="512"/>
      <c r="BS59" s="512"/>
      <c r="BT59" s="512"/>
      <c r="BU59" s="512"/>
      <c r="BV59" s="512"/>
      <c r="BW59" s="512"/>
      <c r="BX59" s="512"/>
      <c r="BY59" s="512"/>
      <c r="BZ59" s="512"/>
      <c r="CA59" s="512"/>
      <c r="CB59" s="512"/>
      <c r="CC59" s="512"/>
      <c r="CD59" s="512"/>
      <c r="CE59" s="512"/>
      <c r="CF59" s="512"/>
      <c r="CG59" s="512"/>
      <c r="CH59" s="512"/>
      <c r="CI59" s="512"/>
      <c r="CJ59" s="512"/>
      <c r="CK59" s="512"/>
      <c r="CL59" s="512"/>
      <c r="CM59" s="512"/>
      <c r="CN59" s="512"/>
      <c r="CO59" s="512"/>
      <c r="CP59" s="512"/>
      <c r="CQ59" s="512"/>
    </row>
    <row r="60" spans="1:95" s="8" customFormat="1" ht="10" customHeight="1" x14ac:dyDescent="0.2">
      <c r="A60" s="92"/>
      <c r="B60" s="92"/>
      <c r="C60" s="92"/>
      <c r="D60" s="92"/>
      <c r="E60" s="92"/>
      <c r="F60" s="92"/>
      <c r="G60" s="92"/>
      <c r="H60" s="92"/>
      <c r="I60" s="92"/>
      <c r="J60" s="92"/>
      <c r="K60" s="92"/>
      <c r="L60" s="92"/>
      <c r="M60" s="92"/>
      <c r="N60" s="92"/>
      <c r="O60" s="92"/>
      <c r="P60" s="92"/>
      <c r="Q60" s="92"/>
      <c r="R60" s="92"/>
      <c r="S60" s="92"/>
      <c r="T60" s="92"/>
      <c r="U60" s="92"/>
      <c r="V60" s="92"/>
      <c r="W60" s="92"/>
      <c r="X60" s="92"/>
      <c r="Y60" s="92"/>
      <c r="Z60" s="92"/>
      <c r="AA60" s="92"/>
      <c r="AB60" s="92"/>
      <c r="AC60" s="92"/>
      <c r="AD60" s="92"/>
      <c r="AE60" s="92"/>
      <c r="AF60" s="92"/>
      <c r="AG60" s="92"/>
      <c r="AH60" s="92"/>
      <c r="AI60" s="92"/>
      <c r="AJ60" s="92"/>
      <c r="AK60" s="92"/>
      <c r="AL60" s="92"/>
      <c r="AM60" s="92"/>
      <c r="AN60" s="92"/>
      <c r="AO60" s="92"/>
      <c r="AP60" s="92"/>
      <c r="AQ60" s="92"/>
      <c r="AR60" s="92"/>
      <c r="AS60" s="92"/>
      <c r="AT60" s="92"/>
      <c r="AU60" s="92"/>
      <c r="AV60" s="92"/>
      <c r="AW60" s="92"/>
      <c r="AX60" s="92"/>
      <c r="AY60" s="92"/>
      <c r="AZ60" s="92"/>
      <c r="BA60" s="92"/>
      <c r="BB60" s="92"/>
      <c r="BC60" s="92"/>
      <c r="BD60" s="92"/>
      <c r="BE60" s="92"/>
      <c r="BF60" s="92"/>
      <c r="BG60" s="92"/>
      <c r="BH60" s="92"/>
      <c r="BI60" s="92"/>
      <c r="BJ60" s="92"/>
      <c r="BK60" s="92"/>
      <c r="BL60" s="92"/>
      <c r="BM60" s="92"/>
      <c r="BN60" s="92"/>
      <c r="BO60" s="92"/>
      <c r="BT60" s="87"/>
    </row>
    <row r="61" spans="1:95" s="8" customFormat="1" ht="10" customHeight="1" x14ac:dyDescent="0.2">
      <c r="A61" s="510" t="s">
        <v>83</v>
      </c>
      <c r="B61" s="510"/>
      <c r="C61" s="510"/>
      <c r="D61" s="510"/>
      <c r="E61" s="510"/>
      <c r="F61" s="510"/>
      <c r="G61" s="510"/>
      <c r="H61" s="510"/>
      <c r="I61" s="510"/>
      <c r="J61" s="510"/>
      <c r="K61" s="510"/>
      <c r="L61" s="510"/>
      <c r="M61" s="510"/>
      <c r="N61" s="510"/>
      <c r="O61" s="510"/>
      <c r="P61" s="510"/>
      <c r="Q61" s="510"/>
      <c r="R61" s="510"/>
      <c r="S61" s="510"/>
      <c r="T61" s="510"/>
      <c r="U61" s="510"/>
      <c r="V61" s="510"/>
      <c r="W61" s="510"/>
      <c r="X61" s="510"/>
      <c r="Y61" s="510"/>
      <c r="Z61" s="510"/>
      <c r="AA61" s="510"/>
      <c r="AB61" s="510"/>
      <c r="AC61" s="510"/>
      <c r="AD61" s="510"/>
      <c r="AE61" s="510"/>
      <c r="AF61" s="510"/>
      <c r="AG61" s="510"/>
      <c r="AH61" s="510"/>
      <c r="AI61" s="510"/>
      <c r="AJ61" s="510"/>
      <c r="AK61" s="510"/>
      <c r="AL61" s="510"/>
      <c r="AM61" s="510"/>
      <c r="AN61" s="510"/>
      <c r="AO61" s="510"/>
      <c r="AP61" s="510"/>
      <c r="AQ61" s="510"/>
      <c r="AR61" s="510"/>
      <c r="AS61" s="510"/>
      <c r="AT61" s="510"/>
      <c r="AU61" s="510"/>
      <c r="AV61" s="510"/>
      <c r="AW61" s="510"/>
      <c r="AX61" s="510"/>
      <c r="AY61" s="510"/>
      <c r="AZ61" s="510"/>
      <c r="BA61" s="510"/>
      <c r="BB61" s="510"/>
      <c r="BC61" s="510"/>
      <c r="BD61" s="510"/>
      <c r="BE61" s="510"/>
      <c r="BF61" s="510"/>
      <c r="BG61" s="510"/>
      <c r="BH61" s="510"/>
      <c r="BI61" s="510"/>
      <c r="BJ61" s="510"/>
      <c r="BK61" s="510"/>
      <c r="BL61" s="510"/>
      <c r="BM61" s="510"/>
      <c r="BN61" s="510"/>
      <c r="BO61" s="510"/>
      <c r="BT61" s="87"/>
    </row>
    <row r="62" spans="1:95" s="8" customFormat="1" ht="10" customHeight="1" x14ac:dyDescent="0.2">
      <c r="A62" s="510"/>
      <c r="B62" s="510"/>
      <c r="C62" s="510"/>
      <c r="D62" s="510"/>
      <c r="E62" s="510"/>
      <c r="F62" s="510"/>
      <c r="G62" s="510"/>
      <c r="H62" s="510"/>
      <c r="I62" s="510"/>
      <c r="J62" s="510"/>
      <c r="K62" s="510"/>
      <c r="L62" s="510"/>
      <c r="M62" s="510"/>
      <c r="N62" s="510"/>
      <c r="O62" s="510"/>
      <c r="P62" s="510"/>
      <c r="Q62" s="510"/>
      <c r="R62" s="510"/>
      <c r="S62" s="510"/>
      <c r="T62" s="510"/>
      <c r="U62" s="510"/>
      <c r="V62" s="510"/>
      <c r="W62" s="510"/>
      <c r="X62" s="510"/>
      <c r="Y62" s="510"/>
      <c r="Z62" s="510"/>
      <c r="AA62" s="510"/>
      <c r="AB62" s="510"/>
      <c r="AC62" s="510"/>
      <c r="AD62" s="510"/>
      <c r="AE62" s="510"/>
      <c r="AF62" s="510"/>
      <c r="AG62" s="510"/>
      <c r="AH62" s="510"/>
      <c r="AI62" s="510"/>
      <c r="AJ62" s="510"/>
      <c r="AK62" s="510"/>
      <c r="AL62" s="510"/>
      <c r="AM62" s="510"/>
      <c r="AN62" s="510"/>
      <c r="AO62" s="510"/>
      <c r="AP62" s="510"/>
      <c r="AQ62" s="510"/>
      <c r="AR62" s="510"/>
      <c r="AS62" s="510"/>
      <c r="AT62" s="510"/>
      <c r="AU62" s="510"/>
      <c r="AV62" s="510"/>
      <c r="AW62" s="510"/>
      <c r="AX62" s="510"/>
      <c r="AY62" s="510"/>
      <c r="AZ62" s="510"/>
      <c r="BA62" s="510"/>
      <c r="BB62" s="510"/>
      <c r="BC62" s="510"/>
      <c r="BD62" s="510"/>
      <c r="BE62" s="510"/>
      <c r="BF62" s="510"/>
      <c r="BG62" s="510"/>
      <c r="BH62" s="510"/>
      <c r="BI62" s="510"/>
      <c r="BJ62" s="510"/>
      <c r="BK62" s="510"/>
      <c r="BL62" s="510"/>
      <c r="BM62" s="510"/>
      <c r="BN62" s="510"/>
      <c r="BO62" s="510"/>
      <c r="BT62" s="87"/>
    </row>
    <row r="63" spans="1:95" s="8" customFormat="1" ht="10" customHeight="1" x14ac:dyDescent="0.2">
      <c r="A63" s="39"/>
      <c r="B63" s="39"/>
      <c r="C63" s="39"/>
      <c r="D63" s="39"/>
      <c r="E63" s="39"/>
      <c r="F63" s="39"/>
      <c r="G63" s="39"/>
      <c r="H63" s="39"/>
      <c r="I63" s="39"/>
      <c r="J63" s="39"/>
      <c r="AF63" s="511" t="s">
        <v>3</v>
      </c>
      <c r="AG63" s="511"/>
      <c r="AH63" s="511"/>
      <c r="AI63" s="511"/>
      <c r="AJ63" s="511"/>
      <c r="AK63" s="511"/>
      <c r="AL63" s="511"/>
      <c r="AM63" s="511"/>
      <c r="AN63" s="511"/>
      <c r="AO63" s="511"/>
      <c r="AP63" s="511"/>
      <c r="AQ63" s="511"/>
      <c r="AR63" s="511"/>
      <c r="AS63" s="511"/>
      <c r="AT63" s="511"/>
      <c r="AU63" s="511"/>
      <c r="AV63" s="511"/>
      <c r="AW63" s="511"/>
      <c r="AX63" s="511"/>
      <c r="AY63" s="511"/>
      <c r="AZ63" s="511"/>
      <c r="BA63" s="511"/>
      <c r="BB63" s="39"/>
      <c r="BC63" s="39"/>
      <c r="BD63" s="39"/>
      <c r="BE63" s="39"/>
      <c r="BF63" s="39"/>
      <c r="BG63" s="39"/>
      <c r="BH63" s="39"/>
      <c r="BI63" s="39"/>
      <c r="BJ63" s="39"/>
      <c r="BK63" s="39"/>
      <c r="BL63" s="39"/>
      <c r="BM63" s="39"/>
      <c r="BN63" s="39"/>
      <c r="BO63" s="39"/>
      <c r="BP63" s="39"/>
      <c r="BQ63" s="39"/>
      <c r="BR63" s="39"/>
      <c r="BS63" s="39"/>
      <c r="BT63" s="39"/>
      <c r="BU63" s="39"/>
      <c r="BV63" s="39"/>
      <c r="BW63" s="39"/>
      <c r="BX63" s="39"/>
      <c r="BY63" s="39"/>
      <c r="BZ63" s="39"/>
      <c r="CA63" s="39"/>
      <c r="CB63" s="39"/>
      <c r="CC63" s="39"/>
      <c r="CD63" s="39"/>
      <c r="CE63" s="39"/>
      <c r="CF63" s="428" t="s">
        <v>84</v>
      </c>
      <c r="CG63" s="428"/>
      <c r="CH63" s="428"/>
      <c r="CI63" s="428"/>
      <c r="CJ63" s="428"/>
      <c r="CK63" s="428"/>
      <c r="CL63" s="428"/>
      <c r="CM63" s="93"/>
    </row>
    <row r="64" spans="1:95" s="8" customFormat="1" ht="10.5" customHeight="1" x14ac:dyDescent="0.2">
      <c r="A64" s="39"/>
      <c r="B64" s="39"/>
      <c r="C64" s="39"/>
      <c r="D64" s="39"/>
      <c r="E64" s="39"/>
      <c r="F64" s="39"/>
      <c r="G64" s="39"/>
      <c r="H64" s="39"/>
      <c r="I64" s="39"/>
      <c r="J64" s="39"/>
      <c r="AF64" s="511"/>
      <c r="AG64" s="511"/>
      <c r="AH64" s="511"/>
      <c r="AI64" s="511"/>
      <c r="AJ64" s="511"/>
      <c r="AK64" s="511"/>
      <c r="AL64" s="511"/>
      <c r="AM64" s="511"/>
      <c r="AN64" s="511"/>
      <c r="AO64" s="511"/>
      <c r="AP64" s="511"/>
      <c r="AQ64" s="511"/>
      <c r="AR64" s="511"/>
      <c r="AS64" s="511"/>
      <c r="AT64" s="511"/>
      <c r="AU64" s="511"/>
      <c r="AV64" s="511"/>
      <c r="AW64" s="511"/>
      <c r="AX64" s="511"/>
      <c r="AY64" s="511"/>
      <c r="AZ64" s="511"/>
      <c r="BA64" s="511"/>
      <c r="BB64" s="39"/>
      <c r="BC64" s="39"/>
      <c r="BD64" s="39"/>
      <c r="BE64" s="39"/>
      <c r="BF64" s="39"/>
      <c r="BG64" s="39"/>
      <c r="BH64" s="39"/>
      <c r="BI64" s="39"/>
      <c r="BJ64" s="39"/>
      <c r="BK64" s="39"/>
      <c r="BL64" s="39"/>
      <c r="BM64" s="39"/>
      <c r="BN64" s="39"/>
      <c r="BO64" s="39"/>
      <c r="BP64" s="39"/>
      <c r="BQ64" s="39"/>
      <c r="BR64" s="39"/>
      <c r="BS64" s="39"/>
      <c r="BT64" s="39"/>
      <c r="BU64" s="39"/>
      <c r="BV64" s="39"/>
      <c r="BW64" s="39"/>
      <c r="BX64" s="39"/>
      <c r="BY64" s="39"/>
      <c r="BZ64" s="39"/>
      <c r="CA64" s="39"/>
      <c r="CB64" s="39"/>
      <c r="CC64" s="39"/>
      <c r="CD64" s="39"/>
      <c r="CE64" s="39"/>
      <c r="CF64" s="428"/>
      <c r="CG64" s="428"/>
      <c r="CH64" s="428"/>
      <c r="CI64" s="428"/>
      <c r="CJ64" s="428"/>
      <c r="CK64" s="428"/>
      <c r="CL64" s="428"/>
      <c r="CM64" s="93"/>
    </row>
    <row r="65" spans="1:95" s="8" customFormat="1" ht="10.5" customHeight="1" x14ac:dyDescent="0.55000000000000004">
      <c r="B65" s="39"/>
      <c r="C65" s="39"/>
      <c r="D65" s="39"/>
      <c r="E65" s="39"/>
      <c r="F65" s="39"/>
      <c r="G65" s="39"/>
      <c r="H65" s="39"/>
      <c r="I65" s="39"/>
      <c r="J65" s="39"/>
      <c r="AF65" s="39"/>
      <c r="AG65" s="39"/>
      <c r="AH65" s="39"/>
      <c r="AI65" s="39"/>
      <c r="AJ65" s="39"/>
      <c r="AK65" s="39"/>
      <c r="AL65" s="39"/>
      <c r="AM65" s="39"/>
      <c r="AN65" s="39"/>
      <c r="AO65" s="39"/>
      <c r="AU65" s="39"/>
      <c r="AV65" s="39"/>
      <c r="AW65" s="39"/>
      <c r="AX65" s="14"/>
      <c r="AY65" s="503" t="s">
        <v>85</v>
      </c>
      <c r="AZ65" s="503"/>
      <c r="BA65" s="503"/>
      <c r="BB65" s="503"/>
      <c r="BC65" s="503"/>
      <c r="BD65" s="504"/>
      <c r="BE65" s="504"/>
      <c r="BF65" s="504"/>
      <c r="BG65" s="504"/>
      <c r="BH65" s="504"/>
      <c r="BI65" s="504"/>
      <c r="BJ65" s="504"/>
      <c r="BK65" s="504"/>
      <c r="BL65" s="504"/>
      <c r="BM65" s="504"/>
      <c r="BN65" s="504"/>
      <c r="BO65" s="504"/>
      <c r="BP65" s="504"/>
      <c r="BQ65" s="504"/>
      <c r="BR65" s="504"/>
      <c r="BS65" s="504"/>
      <c r="BT65" s="504"/>
      <c r="BU65" s="504"/>
      <c r="BV65" s="504"/>
      <c r="BW65" s="504"/>
      <c r="BX65" s="504"/>
      <c r="BY65" s="504"/>
      <c r="BZ65" s="504"/>
      <c r="CA65" s="504"/>
      <c r="CB65" s="504"/>
      <c r="CC65" s="504"/>
      <c r="CD65" s="39"/>
      <c r="CE65" s="506" t="s">
        <v>192</v>
      </c>
      <c r="CF65" s="506"/>
      <c r="CG65" s="506"/>
      <c r="CH65" s="506"/>
      <c r="CI65" s="506"/>
      <c r="CJ65" s="506"/>
      <c r="CK65" s="506"/>
      <c r="CL65" s="506"/>
      <c r="CM65" s="506"/>
    </row>
    <row r="66" spans="1:95" s="8" customFormat="1" ht="10.5" customHeight="1" x14ac:dyDescent="0.55000000000000004">
      <c r="A66" s="39"/>
      <c r="B66" s="39"/>
      <c r="C66" s="39"/>
      <c r="D66" s="39"/>
      <c r="E66" s="39"/>
      <c r="F66" s="39"/>
      <c r="G66" s="39"/>
      <c r="H66" s="39"/>
      <c r="I66" s="39"/>
      <c r="J66" s="39"/>
      <c r="AF66" s="39"/>
      <c r="AG66" s="39"/>
      <c r="AH66" s="39"/>
      <c r="AI66" s="39"/>
      <c r="AJ66" s="39"/>
      <c r="AK66" s="39"/>
      <c r="AL66" s="39"/>
      <c r="AM66" s="39"/>
      <c r="AN66" s="39"/>
      <c r="AO66" s="39"/>
      <c r="AU66" s="39"/>
      <c r="AV66" s="39"/>
      <c r="AW66" s="39"/>
      <c r="AX66" s="39"/>
      <c r="AY66" s="503"/>
      <c r="AZ66" s="503"/>
      <c r="BA66" s="503"/>
      <c r="BB66" s="503"/>
      <c r="BC66" s="503"/>
      <c r="BD66" s="504"/>
      <c r="BE66" s="504"/>
      <c r="BF66" s="504"/>
      <c r="BG66" s="504"/>
      <c r="BH66" s="504"/>
      <c r="BI66" s="504"/>
      <c r="BJ66" s="504"/>
      <c r="BK66" s="504"/>
      <c r="BL66" s="504"/>
      <c r="BM66" s="504"/>
      <c r="BN66" s="504"/>
      <c r="BO66" s="504"/>
      <c r="BP66" s="504"/>
      <c r="BQ66" s="504"/>
      <c r="BR66" s="504"/>
      <c r="BS66" s="504"/>
      <c r="BT66" s="504"/>
      <c r="BU66" s="504"/>
      <c r="BV66" s="504"/>
      <c r="BW66" s="504"/>
      <c r="BX66" s="504"/>
      <c r="BY66" s="504"/>
      <c r="BZ66" s="504"/>
      <c r="CA66" s="504"/>
      <c r="CB66" s="504"/>
      <c r="CC66" s="504"/>
      <c r="CD66" s="39"/>
      <c r="CE66" s="506"/>
      <c r="CF66" s="506"/>
      <c r="CG66" s="506"/>
      <c r="CH66" s="506"/>
      <c r="CI66" s="506"/>
      <c r="CJ66" s="506"/>
      <c r="CK66" s="506"/>
      <c r="CL66" s="506"/>
      <c r="CM66" s="506"/>
    </row>
    <row r="67" spans="1:95" s="8" customFormat="1" ht="10.5" customHeight="1" x14ac:dyDescent="0.55000000000000004">
      <c r="A67" s="14"/>
      <c r="B67" s="39"/>
      <c r="C67" s="39"/>
      <c r="D67" s="39"/>
      <c r="E67" s="39"/>
      <c r="F67" s="39"/>
      <c r="G67" s="39"/>
      <c r="H67" s="39"/>
      <c r="I67" s="39"/>
      <c r="J67" s="39"/>
      <c r="AF67" s="39"/>
      <c r="AG67" s="39"/>
      <c r="AH67" s="39"/>
      <c r="AI67" s="39"/>
      <c r="AJ67" s="39"/>
      <c r="AK67" s="39"/>
      <c r="AL67" s="39"/>
      <c r="AM67" s="39"/>
      <c r="AN67" s="39"/>
      <c r="AO67" s="39"/>
      <c r="AU67" s="39"/>
      <c r="AV67" s="39"/>
      <c r="AW67" s="39"/>
      <c r="AX67" s="14"/>
      <c r="AY67" s="503"/>
      <c r="AZ67" s="503"/>
      <c r="BA67" s="503"/>
      <c r="BB67" s="503"/>
      <c r="BC67" s="503"/>
      <c r="BD67" s="505"/>
      <c r="BE67" s="505"/>
      <c r="BF67" s="505"/>
      <c r="BG67" s="505"/>
      <c r="BH67" s="505"/>
      <c r="BI67" s="505"/>
      <c r="BJ67" s="505"/>
      <c r="BK67" s="505"/>
      <c r="BL67" s="505"/>
      <c r="BM67" s="505"/>
      <c r="BN67" s="505"/>
      <c r="BO67" s="505"/>
      <c r="BP67" s="505"/>
      <c r="BQ67" s="505"/>
      <c r="BR67" s="505"/>
      <c r="BS67" s="505"/>
      <c r="BT67" s="505"/>
      <c r="BU67" s="505"/>
      <c r="BV67" s="505"/>
      <c r="BW67" s="505"/>
      <c r="BX67" s="505"/>
      <c r="BY67" s="505"/>
      <c r="BZ67" s="505"/>
      <c r="CA67" s="505"/>
      <c r="CB67" s="505"/>
      <c r="CC67" s="505"/>
      <c r="CD67" s="39"/>
      <c r="CE67" s="506"/>
      <c r="CF67" s="506"/>
      <c r="CG67" s="506"/>
      <c r="CH67" s="506"/>
      <c r="CI67" s="506"/>
      <c r="CJ67" s="506"/>
      <c r="CK67" s="506"/>
      <c r="CL67" s="506"/>
      <c r="CM67" s="506"/>
    </row>
    <row r="68" spans="1:95" s="8" customFormat="1" ht="10.5" customHeight="1" x14ac:dyDescent="0.55000000000000004">
      <c r="A68" s="14"/>
      <c r="B68" s="14"/>
      <c r="C68" s="14"/>
      <c r="D68" s="14"/>
      <c r="E68" s="14"/>
      <c r="F68" s="14"/>
      <c r="G68" s="14"/>
      <c r="H68" s="14"/>
      <c r="I68" s="14"/>
      <c r="J68" s="14"/>
      <c r="AF68" s="14"/>
      <c r="AG68" s="14"/>
      <c r="AH68" s="14"/>
      <c r="AI68" s="14"/>
      <c r="AJ68" s="14"/>
      <c r="AK68" s="14"/>
      <c r="AL68" s="14"/>
      <c r="AM68" s="14"/>
      <c r="AN68" s="14"/>
      <c r="AO68" s="14"/>
      <c r="AU68" s="14"/>
      <c r="AV68" s="14"/>
      <c r="AW68" s="14"/>
      <c r="AX68" s="14"/>
      <c r="AY68" s="503" t="s">
        <v>85</v>
      </c>
      <c r="AZ68" s="503"/>
      <c r="BA68" s="503"/>
      <c r="BB68" s="503"/>
      <c r="BC68" s="503"/>
      <c r="BD68" s="504"/>
      <c r="BE68" s="504"/>
      <c r="BF68" s="504"/>
      <c r="BG68" s="504"/>
      <c r="BH68" s="504"/>
      <c r="BI68" s="504"/>
      <c r="BJ68" s="504"/>
      <c r="BK68" s="504"/>
      <c r="BL68" s="504"/>
      <c r="BM68" s="504"/>
      <c r="BN68" s="504"/>
      <c r="BO68" s="504"/>
      <c r="BP68" s="504"/>
      <c r="BQ68" s="504"/>
      <c r="BR68" s="504"/>
      <c r="BS68" s="504"/>
      <c r="BT68" s="504"/>
      <c r="BU68" s="504"/>
      <c r="BV68" s="504"/>
      <c r="BW68" s="504"/>
      <c r="BX68" s="504"/>
      <c r="BY68" s="504"/>
      <c r="BZ68" s="504"/>
      <c r="CA68" s="504"/>
      <c r="CB68" s="504"/>
      <c r="CC68" s="504"/>
      <c r="CD68" s="39"/>
      <c r="CE68" s="506" t="s">
        <v>192</v>
      </c>
      <c r="CF68" s="506"/>
      <c r="CG68" s="506"/>
      <c r="CH68" s="506"/>
      <c r="CI68" s="506"/>
      <c r="CJ68" s="506"/>
      <c r="CK68" s="506"/>
      <c r="CL68" s="506"/>
      <c r="CM68" s="506"/>
    </row>
    <row r="69" spans="1:95" s="8" customFormat="1" ht="10.5" customHeight="1" x14ac:dyDescent="0.55000000000000004">
      <c r="A69" s="14"/>
      <c r="B69" s="14"/>
      <c r="C69" s="14"/>
      <c r="D69" s="14"/>
      <c r="E69" s="14"/>
      <c r="F69" s="14"/>
      <c r="G69" s="14"/>
      <c r="H69" s="14"/>
      <c r="I69" s="14"/>
      <c r="J69" s="14"/>
      <c r="AF69" s="14"/>
      <c r="AG69" s="14"/>
      <c r="AH69" s="14"/>
      <c r="AI69" s="14"/>
      <c r="AJ69" s="14"/>
      <c r="AK69" s="14"/>
      <c r="AL69" s="14"/>
      <c r="AM69" s="14"/>
      <c r="AN69" s="14"/>
      <c r="AO69" s="14"/>
      <c r="AU69" s="14"/>
      <c r="AV69" s="14"/>
      <c r="AW69" s="14"/>
      <c r="AX69" s="14"/>
      <c r="AY69" s="503"/>
      <c r="AZ69" s="503"/>
      <c r="BA69" s="503"/>
      <c r="BB69" s="503"/>
      <c r="BC69" s="503"/>
      <c r="BD69" s="504"/>
      <c r="BE69" s="504"/>
      <c r="BF69" s="504"/>
      <c r="BG69" s="504"/>
      <c r="BH69" s="504"/>
      <c r="BI69" s="504"/>
      <c r="BJ69" s="504"/>
      <c r="BK69" s="504"/>
      <c r="BL69" s="504"/>
      <c r="BM69" s="504"/>
      <c r="BN69" s="504"/>
      <c r="BO69" s="504"/>
      <c r="BP69" s="504"/>
      <c r="BQ69" s="504"/>
      <c r="BR69" s="504"/>
      <c r="BS69" s="504"/>
      <c r="BT69" s="504"/>
      <c r="BU69" s="504"/>
      <c r="BV69" s="504"/>
      <c r="BW69" s="504"/>
      <c r="BX69" s="504"/>
      <c r="BY69" s="504"/>
      <c r="BZ69" s="504"/>
      <c r="CA69" s="504"/>
      <c r="CB69" s="504"/>
      <c r="CC69" s="504"/>
      <c r="CD69" s="39"/>
      <c r="CE69" s="506"/>
      <c r="CF69" s="506"/>
      <c r="CG69" s="506"/>
      <c r="CH69" s="506"/>
      <c r="CI69" s="506"/>
      <c r="CJ69" s="506"/>
      <c r="CK69" s="506"/>
      <c r="CL69" s="506"/>
      <c r="CM69" s="506"/>
    </row>
    <row r="70" spans="1:95" s="8" customFormat="1" ht="10.5" customHeight="1" x14ac:dyDescent="0.55000000000000004">
      <c r="A70" s="39"/>
      <c r="B70" s="39"/>
      <c r="C70" s="39"/>
      <c r="D70" s="39"/>
      <c r="E70" s="39"/>
      <c r="F70" s="39"/>
      <c r="G70" s="39"/>
      <c r="H70" s="39"/>
      <c r="I70" s="39"/>
      <c r="J70" s="39"/>
      <c r="AF70" s="39"/>
      <c r="AG70" s="39"/>
      <c r="AH70" s="39"/>
      <c r="AI70" s="39"/>
      <c r="AJ70" s="39"/>
      <c r="AK70" s="39"/>
      <c r="AL70" s="39"/>
      <c r="AM70" s="39"/>
      <c r="AN70" s="39"/>
      <c r="AO70" s="39"/>
      <c r="AU70" s="39"/>
      <c r="AV70" s="39"/>
      <c r="AW70" s="39"/>
      <c r="AX70" s="39"/>
      <c r="AY70" s="503"/>
      <c r="AZ70" s="503"/>
      <c r="BA70" s="503"/>
      <c r="BB70" s="503"/>
      <c r="BC70" s="503"/>
      <c r="BD70" s="505"/>
      <c r="BE70" s="505"/>
      <c r="BF70" s="505"/>
      <c r="BG70" s="505"/>
      <c r="BH70" s="505"/>
      <c r="BI70" s="505"/>
      <c r="BJ70" s="505"/>
      <c r="BK70" s="505"/>
      <c r="BL70" s="505"/>
      <c r="BM70" s="505"/>
      <c r="BN70" s="505"/>
      <c r="BO70" s="505"/>
      <c r="BP70" s="505"/>
      <c r="BQ70" s="505"/>
      <c r="BR70" s="505"/>
      <c r="BS70" s="505"/>
      <c r="BT70" s="505"/>
      <c r="BU70" s="505"/>
      <c r="BV70" s="505"/>
      <c r="BW70" s="505"/>
      <c r="BX70" s="505"/>
      <c r="BY70" s="505"/>
      <c r="BZ70" s="505"/>
      <c r="CA70" s="505"/>
      <c r="CB70" s="505"/>
      <c r="CC70" s="505"/>
      <c r="CD70" s="39"/>
      <c r="CE70" s="506"/>
      <c r="CF70" s="506"/>
      <c r="CG70" s="506"/>
      <c r="CH70" s="506"/>
      <c r="CI70" s="506"/>
      <c r="CJ70" s="506"/>
      <c r="CK70" s="506"/>
      <c r="CL70" s="506"/>
      <c r="CM70" s="506"/>
    </row>
    <row r="71" spans="1:95" s="8" customFormat="1" ht="10.5" customHeight="1" x14ac:dyDescent="0.55000000000000004">
      <c r="A71" s="14"/>
      <c r="B71" s="14"/>
      <c r="C71" s="14"/>
      <c r="D71" s="14"/>
      <c r="E71" s="14"/>
      <c r="F71" s="14"/>
      <c r="G71" s="14"/>
      <c r="H71" s="14"/>
      <c r="I71" s="14"/>
      <c r="J71" s="14"/>
      <c r="AF71" s="14"/>
      <c r="AG71" s="14"/>
      <c r="AH71" s="14"/>
      <c r="AI71" s="14"/>
      <c r="AJ71" s="14"/>
      <c r="AK71" s="14"/>
      <c r="AL71" s="14"/>
      <c r="AM71" s="14"/>
      <c r="AN71" s="14"/>
      <c r="AO71" s="14"/>
      <c r="AU71" s="14"/>
      <c r="AV71" s="14"/>
      <c r="AW71" s="14"/>
      <c r="AX71" s="14"/>
      <c r="AY71" s="503" t="s">
        <v>85</v>
      </c>
      <c r="AZ71" s="503"/>
      <c r="BA71" s="503"/>
      <c r="BB71" s="503"/>
      <c r="BC71" s="503"/>
      <c r="BD71" s="504"/>
      <c r="BE71" s="504"/>
      <c r="BF71" s="504"/>
      <c r="BG71" s="504"/>
      <c r="BH71" s="504"/>
      <c r="BI71" s="504"/>
      <c r="BJ71" s="504"/>
      <c r="BK71" s="504"/>
      <c r="BL71" s="504"/>
      <c r="BM71" s="504"/>
      <c r="BN71" s="504"/>
      <c r="BO71" s="504"/>
      <c r="BP71" s="504"/>
      <c r="BQ71" s="504"/>
      <c r="BR71" s="504"/>
      <c r="BS71" s="504"/>
      <c r="BT71" s="504"/>
      <c r="BU71" s="504"/>
      <c r="BV71" s="504"/>
      <c r="BW71" s="504"/>
      <c r="BX71" s="504"/>
      <c r="BY71" s="504"/>
      <c r="BZ71" s="504"/>
      <c r="CA71" s="504"/>
      <c r="CB71" s="504"/>
      <c r="CC71" s="504"/>
      <c r="CD71" s="39"/>
      <c r="CE71" s="506" t="s">
        <v>86</v>
      </c>
      <c r="CF71" s="506"/>
      <c r="CG71" s="506"/>
      <c r="CH71" s="506"/>
      <c r="CI71" s="506"/>
      <c r="CJ71" s="506"/>
      <c r="CK71" s="506"/>
      <c r="CL71" s="506"/>
      <c r="CM71" s="506"/>
    </row>
    <row r="72" spans="1:95" s="8" customFormat="1" ht="10.5" customHeight="1" x14ac:dyDescent="0.55000000000000004">
      <c r="A72" s="14"/>
      <c r="B72" s="14"/>
      <c r="C72" s="14"/>
      <c r="D72" s="14"/>
      <c r="E72" s="14"/>
      <c r="F72" s="14"/>
      <c r="G72" s="14"/>
      <c r="H72" s="14"/>
      <c r="I72" s="14"/>
      <c r="J72" s="14"/>
      <c r="AF72" s="14"/>
      <c r="AG72" s="14"/>
      <c r="AH72" s="14"/>
      <c r="AI72" s="14"/>
      <c r="AJ72" s="14"/>
      <c r="AK72" s="14"/>
      <c r="AL72" s="14"/>
      <c r="AM72" s="14"/>
      <c r="AN72" s="14"/>
      <c r="AO72" s="14"/>
      <c r="AU72" s="14"/>
      <c r="AV72" s="14"/>
      <c r="AW72" s="14"/>
      <c r="AX72" s="14"/>
      <c r="AY72" s="503"/>
      <c r="AZ72" s="503"/>
      <c r="BA72" s="503"/>
      <c r="BB72" s="503"/>
      <c r="BC72" s="503"/>
      <c r="BD72" s="504"/>
      <c r="BE72" s="504"/>
      <c r="BF72" s="504"/>
      <c r="BG72" s="504"/>
      <c r="BH72" s="504"/>
      <c r="BI72" s="504"/>
      <c r="BJ72" s="504"/>
      <c r="BK72" s="504"/>
      <c r="BL72" s="504"/>
      <c r="BM72" s="504"/>
      <c r="BN72" s="504"/>
      <c r="BO72" s="504"/>
      <c r="BP72" s="504"/>
      <c r="BQ72" s="504"/>
      <c r="BR72" s="504"/>
      <c r="BS72" s="504"/>
      <c r="BT72" s="504"/>
      <c r="BU72" s="504"/>
      <c r="BV72" s="504"/>
      <c r="BW72" s="504"/>
      <c r="BX72" s="504"/>
      <c r="BY72" s="504"/>
      <c r="BZ72" s="504"/>
      <c r="CA72" s="504"/>
      <c r="CB72" s="504"/>
      <c r="CC72" s="504"/>
      <c r="CD72" s="39"/>
      <c r="CE72" s="506"/>
      <c r="CF72" s="506"/>
      <c r="CG72" s="506"/>
      <c r="CH72" s="506"/>
      <c r="CI72" s="506"/>
      <c r="CJ72" s="506"/>
      <c r="CK72" s="506"/>
      <c r="CL72" s="506"/>
      <c r="CM72" s="506"/>
    </row>
    <row r="73" spans="1:95" s="8" customFormat="1" ht="10.5" customHeight="1" x14ac:dyDescent="0.55000000000000004">
      <c r="A73" s="12"/>
      <c r="B73" s="12"/>
      <c r="C73" s="12"/>
      <c r="D73" s="12"/>
      <c r="E73" s="12"/>
      <c r="F73" s="12"/>
      <c r="G73" s="12"/>
      <c r="H73" s="12"/>
      <c r="I73" s="12"/>
      <c r="J73" s="12"/>
      <c r="AF73" s="12"/>
      <c r="AG73" s="12"/>
      <c r="AH73" s="12"/>
      <c r="AI73" s="12"/>
      <c r="AJ73" s="12"/>
      <c r="AK73" s="12"/>
      <c r="AL73" s="12"/>
      <c r="AM73" s="12"/>
      <c r="AN73" s="12"/>
      <c r="AO73" s="12"/>
      <c r="AU73" s="12"/>
      <c r="AV73" s="12"/>
      <c r="AW73" s="12"/>
      <c r="AX73" s="12"/>
      <c r="AY73" s="503"/>
      <c r="AZ73" s="503"/>
      <c r="BA73" s="503"/>
      <c r="BB73" s="503"/>
      <c r="BC73" s="503"/>
      <c r="BD73" s="505"/>
      <c r="BE73" s="505"/>
      <c r="BF73" s="505"/>
      <c r="BG73" s="505"/>
      <c r="BH73" s="505"/>
      <c r="BI73" s="505"/>
      <c r="BJ73" s="505"/>
      <c r="BK73" s="505"/>
      <c r="BL73" s="505"/>
      <c r="BM73" s="505"/>
      <c r="BN73" s="505"/>
      <c r="BO73" s="505"/>
      <c r="BP73" s="505"/>
      <c r="BQ73" s="505"/>
      <c r="BR73" s="505"/>
      <c r="BS73" s="505"/>
      <c r="BT73" s="505"/>
      <c r="BU73" s="505"/>
      <c r="BV73" s="505"/>
      <c r="BW73" s="505"/>
      <c r="BX73" s="505"/>
      <c r="BY73" s="505"/>
      <c r="BZ73" s="505"/>
      <c r="CA73" s="505"/>
      <c r="CB73" s="505"/>
      <c r="CC73" s="505"/>
      <c r="CD73" s="39"/>
      <c r="CE73" s="506"/>
      <c r="CF73" s="506"/>
      <c r="CG73" s="506"/>
      <c r="CH73" s="506"/>
      <c r="CI73" s="506"/>
      <c r="CJ73" s="506"/>
      <c r="CK73" s="506"/>
      <c r="CL73" s="506"/>
      <c r="CM73" s="506"/>
    </row>
    <row r="74" spans="1:95" s="8" customFormat="1" ht="10.5" customHeight="1" x14ac:dyDescent="0.55000000000000004">
      <c r="A74" s="12"/>
      <c r="B74" s="12"/>
      <c r="C74" s="12"/>
      <c r="D74" s="12"/>
      <c r="E74" s="12"/>
      <c r="F74" s="12"/>
      <c r="G74" s="12"/>
      <c r="H74" s="12"/>
      <c r="I74" s="12"/>
      <c r="J74" s="12"/>
      <c r="AF74" s="12"/>
      <c r="AG74" s="12"/>
      <c r="AH74" s="12"/>
      <c r="AI74" s="12"/>
      <c r="AJ74" s="12"/>
      <c r="AK74" s="12"/>
      <c r="AL74" s="12"/>
      <c r="AM74" s="12"/>
      <c r="AN74" s="12"/>
      <c r="AO74" s="12"/>
      <c r="AU74" s="12"/>
      <c r="AV74" s="12"/>
      <c r="AW74" s="12"/>
      <c r="AX74" s="12"/>
      <c r="AY74" s="503" t="s">
        <v>85</v>
      </c>
      <c r="AZ74" s="503"/>
      <c r="BA74" s="503"/>
      <c r="BB74" s="503"/>
      <c r="BC74" s="503"/>
      <c r="BD74" s="504"/>
      <c r="BE74" s="504"/>
      <c r="BF74" s="504"/>
      <c r="BG74" s="504"/>
      <c r="BH74" s="504"/>
      <c r="BI74" s="504"/>
      <c r="BJ74" s="504"/>
      <c r="BK74" s="504"/>
      <c r="BL74" s="504"/>
      <c r="BM74" s="504"/>
      <c r="BN74" s="504"/>
      <c r="BO74" s="504"/>
      <c r="BP74" s="504"/>
      <c r="BQ74" s="504"/>
      <c r="BR74" s="504"/>
      <c r="BS74" s="504"/>
      <c r="BT74" s="504"/>
      <c r="BU74" s="504"/>
      <c r="BV74" s="504"/>
      <c r="BW74" s="504"/>
      <c r="BX74" s="504"/>
      <c r="BY74" s="504"/>
      <c r="BZ74" s="504"/>
      <c r="CA74" s="504"/>
      <c r="CB74" s="504"/>
      <c r="CC74" s="504"/>
      <c r="CD74" s="39"/>
      <c r="CE74" s="506" t="s">
        <v>86</v>
      </c>
      <c r="CF74" s="506"/>
      <c r="CG74" s="506"/>
      <c r="CH74" s="506"/>
      <c r="CI74" s="506"/>
      <c r="CJ74" s="506"/>
      <c r="CK74" s="506"/>
      <c r="CL74" s="506"/>
      <c r="CM74" s="506"/>
    </row>
    <row r="75" spans="1:95" s="8" customFormat="1" ht="10.5" customHeight="1" x14ac:dyDescent="0.55000000000000004">
      <c r="A75" s="12"/>
      <c r="B75" s="12"/>
      <c r="C75" s="12"/>
      <c r="D75" s="12"/>
      <c r="E75" s="12"/>
      <c r="F75" s="12"/>
      <c r="G75" s="12"/>
      <c r="H75" s="12"/>
      <c r="I75" s="12"/>
      <c r="J75" s="12"/>
      <c r="AF75" s="12"/>
      <c r="AG75" s="12"/>
      <c r="AH75" s="12"/>
      <c r="AI75" s="12"/>
      <c r="AJ75" s="12"/>
      <c r="AK75" s="12"/>
      <c r="AL75" s="12"/>
      <c r="AM75" s="12"/>
      <c r="AN75" s="12"/>
      <c r="AO75" s="12"/>
      <c r="AU75" s="12"/>
      <c r="AV75" s="12"/>
      <c r="AW75" s="12"/>
      <c r="AX75" s="12"/>
      <c r="AY75" s="503"/>
      <c r="AZ75" s="503"/>
      <c r="BA75" s="503"/>
      <c r="BB75" s="503"/>
      <c r="BC75" s="503"/>
      <c r="BD75" s="504"/>
      <c r="BE75" s="504"/>
      <c r="BF75" s="504"/>
      <c r="BG75" s="504"/>
      <c r="BH75" s="504"/>
      <c r="BI75" s="504"/>
      <c r="BJ75" s="504"/>
      <c r="BK75" s="504"/>
      <c r="BL75" s="504"/>
      <c r="BM75" s="504"/>
      <c r="BN75" s="504"/>
      <c r="BO75" s="504"/>
      <c r="BP75" s="504"/>
      <c r="BQ75" s="504"/>
      <c r="BR75" s="504"/>
      <c r="BS75" s="504"/>
      <c r="BT75" s="504"/>
      <c r="BU75" s="504"/>
      <c r="BV75" s="504"/>
      <c r="BW75" s="504"/>
      <c r="BX75" s="504"/>
      <c r="BY75" s="504"/>
      <c r="BZ75" s="504"/>
      <c r="CA75" s="504"/>
      <c r="CB75" s="504"/>
      <c r="CC75" s="504"/>
      <c r="CD75" s="39"/>
      <c r="CE75" s="506"/>
      <c r="CF75" s="506"/>
      <c r="CG75" s="506"/>
      <c r="CH75" s="506"/>
      <c r="CI75" s="506"/>
      <c r="CJ75" s="506"/>
      <c r="CK75" s="506"/>
      <c r="CL75" s="506"/>
      <c r="CM75" s="506"/>
    </row>
    <row r="76" spans="1:95" s="8" customFormat="1" ht="8.5" customHeight="1" x14ac:dyDescent="0.55000000000000004">
      <c r="A76" s="76"/>
      <c r="B76" s="76"/>
      <c r="C76" s="76"/>
      <c r="D76" s="76"/>
      <c r="E76" s="76"/>
      <c r="F76" s="76"/>
      <c r="G76" s="76"/>
      <c r="H76" s="76"/>
      <c r="I76" s="76"/>
      <c r="J76" s="76"/>
      <c r="AF76" s="76"/>
      <c r="AG76" s="76"/>
      <c r="AH76" s="76"/>
      <c r="AI76" s="76"/>
      <c r="AJ76" s="76"/>
      <c r="AK76" s="76"/>
      <c r="AL76" s="76"/>
      <c r="AM76" s="76"/>
      <c r="AN76" s="76"/>
      <c r="AO76" s="76"/>
      <c r="AU76" s="76"/>
      <c r="AV76" s="76"/>
      <c r="AW76" s="76"/>
      <c r="AX76" s="76"/>
      <c r="AY76" s="503"/>
      <c r="AZ76" s="503"/>
      <c r="BA76" s="503"/>
      <c r="BB76" s="503"/>
      <c r="BC76" s="503"/>
      <c r="BD76" s="505"/>
      <c r="BE76" s="505"/>
      <c r="BF76" s="505"/>
      <c r="BG76" s="505"/>
      <c r="BH76" s="505"/>
      <c r="BI76" s="505"/>
      <c r="BJ76" s="505"/>
      <c r="BK76" s="505"/>
      <c r="BL76" s="505"/>
      <c r="BM76" s="505"/>
      <c r="BN76" s="505"/>
      <c r="BO76" s="505"/>
      <c r="BP76" s="505"/>
      <c r="BQ76" s="505"/>
      <c r="BR76" s="505"/>
      <c r="BS76" s="505"/>
      <c r="BT76" s="505"/>
      <c r="BU76" s="505"/>
      <c r="BV76" s="505"/>
      <c r="BW76" s="505"/>
      <c r="BX76" s="505"/>
      <c r="BY76" s="505"/>
      <c r="BZ76" s="505"/>
      <c r="CA76" s="505"/>
      <c r="CB76" s="505"/>
      <c r="CC76" s="505"/>
      <c r="CD76" s="39"/>
      <c r="CE76" s="506"/>
      <c r="CF76" s="506"/>
      <c r="CG76" s="506"/>
      <c r="CH76" s="506"/>
      <c r="CI76" s="506"/>
      <c r="CJ76" s="506"/>
      <c r="CK76" s="506"/>
      <c r="CL76" s="506"/>
      <c r="CM76" s="506"/>
    </row>
    <row r="77" spans="1:95" s="8" customFormat="1" ht="10.5" customHeight="1" x14ac:dyDescent="0.55000000000000004">
      <c r="A77" s="94"/>
      <c r="B77" s="94"/>
      <c r="C77" s="94"/>
      <c r="D77" s="94"/>
      <c r="E77" s="94"/>
      <c r="F77" s="94"/>
      <c r="G77" s="94"/>
      <c r="H77" s="94"/>
      <c r="I77" s="94"/>
      <c r="J77" s="94"/>
      <c r="K77" s="94"/>
      <c r="L77" s="94"/>
      <c r="M77" s="94"/>
      <c r="N77" s="94"/>
      <c r="O77" s="94"/>
      <c r="P77" s="94"/>
      <c r="Q77" s="94"/>
      <c r="R77" s="94"/>
      <c r="S77" s="94"/>
      <c r="T77" s="94"/>
      <c r="U77" s="94"/>
      <c r="V77" s="94"/>
      <c r="W77" s="94"/>
      <c r="X77" s="94"/>
      <c r="Y77" s="94"/>
      <c r="Z77" s="94"/>
      <c r="AA77" s="94"/>
      <c r="AB77" s="94"/>
      <c r="AC77" s="94"/>
      <c r="AD77" s="94"/>
      <c r="AE77" s="94"/>
      <c r="AF77" s="94"/>
      <c r="AG77" s="95"/>
      <c r="AH77" s="95"/>
      <c r="AI77" s="95"/>
      <c r="AJ77" s="95"/>
      <c r="AK77" s="95"/>
      <c r="AL77" s="96"/>
      <c r="AM77" s="96"/>
      <c r="AN77" s="96"/>
      <c r="AO77" s="96"/>
      <c r="AP77" s="96"/>
      <c r="AQ77" s="96"/>
      <c r="AR77" s="96"/>
      <c r="AS77" s="96"/>
      <c r="AT77" s="96"/>
      <c r="AU77" s="96"/>
      <c r="AV77" s="96"/>
      <c r="AW77" s="96"/>
      <c r="AX77" s="96"/>
      <c r="AY77" s="96"/>
      <c r="AZ77" s="96"/>
      <c r="BA77" s="96"/>
      <c r="BB77" s="96"/>
      <c r="BC77" s="96"/>
      <c r="BD77" s="96"/>
      <c r="BE77" s="96"/>
      <c r="BF77" s="96"/>
      <c r="BG77" s="96"/>
      <c r="BH77" s="96"/>
      <c r="BI77" s="95"/>
      <c r="BJ77" s="97"/>
      <c r="BK77" s="97"/>
      <c r="BL77" s="97"/>
      <c r="BM77" s="97"/>
      <c r="BN77" s="97"/>
      <c r="BO77" s="97"/>
      <c r="BP77" s="97"/>
      <c r="BQ77" s="97"/>
      <c r="BR77" s="97"/>
      <c r="BS77" s="98"/>
      <c r="BT77" s="98"/>
      <c r="CC77" s="99"/>
      <c r="CD77" s="99"/>
      <c r="CE77" s="99"/>
      <c r="CF77" s="99"/>
      <c r="CG77" s="99"/>
      <c r="CH77" s="99"/>
      <c r="CI77" s="99"/>
      <c r="CJ77" s="99"/>
      <c r="CK77" s="99"/>
      <c r="CL77" s="99"/>
      <c r="CM77" s="99"/>
      <c r="CN77" s="99"/>
      <c r="CO77" s="99"/>
      <c r="CP77" s="99"/>
      <c r="CQ77" s="99"/>
    </row>
    <row r="78" spans="1:95" s="8" customFormat="1" ht="10.5" customHeight="1" x14ac:dyDescent="0.55000000000000004">
      <c r="A78" s="507" t="s">
        <v>87</v>
      </c>
      <c r="B78" s="507"/>
      <c r="C78" s="507"/>
      <c r="D78" s="507"/>
      <c r="E78" s="507"/>
      <c r="F78" s="507"/>
      <c r="G78" s="507"/>
      <c r="H78" s="507"/>
      <c r="I78" s="507"/>
      <c r="J78" s="507"/>
      <c r="K78" s="507"/>
      <c r="L78" s="507"/>
      <c r="M78" s="507"/>
      <c r="N78" s="507"/>
      <c r="O78" s="507"/>
      <c r="P78" s="507"/>
      <c r="Q78" s="507"/>
      <c r="R78" s="507"/>
      <c r="S78" s="507"/>
      <c r="T78" s="507"/>
      <c r="U78" s="507"/>
      <c r="V78" s="507"/>
      <c r="W78" s="507"/>
      <c r="X78" s="507"/>
      <c r="Y78" s="507"/>
      <c r="Z78" s="507"/>
      <c r="AA78" s="507"/>
      <c r="AB78" s="507"/>
      <c r="AC78" s="507"/>
      <c r="AD78" s="507"/>
      <c r="AE78" s="507"/>
      <c r="AF78" s="507"/>
      <c r="AG78" s="507"/>
      <c r="AH78" s="507"/>
      <c r="AI78" s="507"/>
      <c r="AJ78" s="507"/>
      <c r="AK78" s="507"/>
      <c r="AL78" s="507"/>
      <c r="AM78" s="507"/>
      <c r="AN78" s="507"/>
      <c r="AO78" s="507"/>
      <c r="AP78" s="507"/>
      <c r="AQ78" s="507"/>
      <c r="AR78" s="507"/>
      <c r="AS78" s="507"/>
      <c r="AT78" s="507"/>
      <c r="AU78" s="507"/>
      <c r="AV78" s="507"/>
      <c r="AW78" s="507"/>
      <c r="AX78" s="507"/>
      <c r="AY78" s="507"/>
      <c r="AZ78" s="507"/>
      <c r="BA78" s="507"/>
      <c r="BB78" s="507"/>
      <c r="BC78" s="507"/>
      <c r="BD78" s="507"/>
      <c r="BE78" s="507"/>
      <c r="BF78" s="507"/>
      <c r="BG78" s="507"/>
      <c r="BH78" s="507"/>
      <c r="BI78" s="507"/>
      <c r="BJ78" s="507"/>
      <c r="BK78" s="507"/>
      <c r="BL78" s="507"/>
      <c r="BM78" s="507"/>
      <c r="BN78" s="507"/>
      <c r="BO78" s="507"/>
      <c r="BP78" s="507"/>
      <c r="BQ78" s="507"/>
      <c r="BR78" s="507"/>
      <c r="BS78" s="507"/>
      <c r="BT78" s="507"/>
      <c r="BU78" s="507"/>
      <c r="BV78" s="507"/>
      <c r="BW78" s="507"/>
      <c r="BX78" s="507"/>
      <c r="BY78" s="507"/>
      <c r="BZ78" s="507"/>
      <c r="CA78" s="507"/>
      <c r="CB78" s="507"/>
      <c r="CC78" s="507"/>
      <c r="CD78" s="507"/>
      <c r="CE78" s="507"/>
      <c r="CF78" s="507"/>
      <c r="CG78" s="507"/>
      <c r="CH78" s="507"/>
      <c r="CI78" s="507"/>
      <c r="CJ78" s="507"/>
      <c r="CK78" s="507"/>
      <c r="CL78" s="507"/>
      <c r="CM78" s="507"/>
      <c r="CN78" s="507"/>
      <c r="CO78" s="507"/>
      <c r="CP78" s="507"/>
      <c r="CQ78" s="507"/>
    </row>
    <row r="79" spans="1:95" s="8" customFormat="1" ht="13.5" customHeight="1" x14ac:dyDescent="0.55000000000000004">
      <c r="A79" s="508"/>
      <c r="B79" s="508"/>
      <c r="C79" s="508"/>
      <c r="D79" s="508"/>
      <c r="E79" s="508"/>
      <c r="F79" s="508"/>
      <c r="G79" s="508"/>
      <c r="H79" s="508"/>
      <c r="I79" s="508"/>
      <c r="J79" s="508"/>
      <c r="K79" s="508"/>
      <c r="L79" s="508"/>
      <c r="M79" s="508"/>
      <c r="N79" s="508"/>
      <c r="O79" s="508"/>
      <c r="P79" s="508"/>
      <c r="Q79" s="508"/>
      <c r="R79" s="508"/>
      <c r="S79" s="508"/>
      <c r="T79" s="508"/>
      <c r="U79" s="508"/>
      <c r="V79" s="508"/>
      <c r="W79" s="508"/>
      <c r="X79" s="508"/>
      <c r="Y79" s="508"/>
      <c r="Z79" s="508"/>
      <c r="AA79" s="508"/>
      <c r="AB79" s="508"/>
      <c r="AC79" s="508"/>
      <c r="AD79" s="508"/>
      <c r="AE79" s="508"/>
      <c r="AF79" s="508"/>
      <c r="AG79" s="508"/>
      <c r="AH79" s="508"/>
      <c r="AI79" s="508"/>
      <c r="AJ79" s="508"/>
      <c r="AK79" s="508"/>
      <c r="AL79" s="508"/>
      <c r="AM79" s="508"/>
      <c r="AN79" s="508"/>
      <c r="AO79" s="508"/>
      <c r="AP79" s="508"/>
      <c r="AQ79" s="508"/>
      <c r="AR79" s="508"/>
      <c r="AS79" s="508"/>
      <c r="AT79" s="508"/>
      <c r="AU79" s="508"/>
      <c r="AV79" s="508"/>
      <c r="AW79" s="508"/>
      <c r="AX79" s="508"/>
      <c r="AY79" s="508"/>
      <c r="AZ79" s="508"/>
      <c r="BA79" s="508"/>
      <c r="BB79" s="508"/>
      <c r="BC79" s="508"/>
      <c r="BD79" s="508"/>
      <c r="BE79" s="508"/>
      <c r="BF79" s="508"/>
      <c r="BG79" s="508"/>
      <c r="BH79" s="508"/>
      <c r="BI79" s="508"/>
      <c r="BJ79" s="508"/>
      <c r="BK79" s="508"/>
      <c r="BL79" s="508"/>
      <c r="BM79" s="508"/>
      <c r="BN79" s="508"/>
      <c r="BO79" s="508"/>
      <c r="BP79" s="508"/>
      <c r="BQ79" s="508"/>
      <c r="BR79" s="508"/>
      <c r="BS79" s="508"/>
      <c r="BT79" s="508"/>
      <c r="BU79" s="508"/>
      <c r="BV79" s="508"/>
      <c r="BW79" s="508"/>
      <c r="BX79" s="508"/>
      <c r="BY79" s="508"/>
      <c r="BZ79" s="508"/>
      <c r="CA79" s="508"/>
      <c r="CB79" s="508"/>
      <c r="CC79" s="508"/>
      <c r="CD79" s="508"/>
      <c r="CE79" s="508"/>
      <c r="CF79" s="508"/>
      <c r="CG79" s="508"/>
      <c r="CH79" s="508"/>
      <c r="CI79" s="508"/>
      <c r="CJ79" s="508"/>
      <c r="CK79" s="508"/>
      <c r="CL79" s="508"/>
      <c r="CM79" s="508"/>
      <c r="CN79" s="508"/>
      <c r="CO79" s="508"/>
      <c r="CP79" s="508"/>
      <c r="CQ79" s="508"/>
    </row>
    <row r="80" spans="1:95" s="8" customFormat="1" ht="13.5" customHeight="1" x14ac:dyDescent="0.55000000000000004">
      <c r="A80" s="508"/>
      <c r="B80" s="508"/>
      <c r="C80" s="508"/>
      <c r="D80" s="508"/>
      <c r="E80" s="508"/>
      <c r="F80" s="508"/>
      <c r="G80" s="508"/>
      <c r="H80" s="508"/>
      <c r="I80" s="508"/>
      <c r="J80" s="508"/>
      <c r="K80" s="508"/>
      <c r="L80" s="508"/>
      <c r="M80" s="508"/>
      <c r="N80" s="508"/>
      <c r="O80" s="508"/>
      <c r="P80" s="508"/>
      <c r="Q80" s="508"/>
      <c r="R80" s="508"/>
      <c r="S80" s="508"/>
      <c r="T80" s="508"/>
      <c r="U80" s="508"/>
      <c r="V80" s="508"/>
      <c r="W80" s="508"/>
      <c r="X80" s="508"/>
      <c r="Y80" s="508"/>
      <c r="Z80" s="508"/>
      <c r="AA80" s="508"/>
      <c r="AB80" s="508"/>
      <c r="AC80" s="508"/>
      <c r="AD80" s="508"/>
      <c r="AE80" s="508"/>
      <c r="AF80" s="508"/>
      <c r="AG80" s="508"/>
      <c r="AH80" s="508"/>
      <c r="AI80" s="508"/>
      <c r="AJ80" s="508"/>
      <c r="AK80" s="508"/>
      <c r="AL80" s="508"/>
      <c r="AM80" s="508"/>
      <c r="AN80" s="508"/>
      <c r="AO80" s="508"/>
      <c r="AP80" s="508"/>
      <c r="AQ80" s="508"/>
      <c r="AR80" s="508"/>
      <c r="AS80" s="508"/>
      <c r="AT80" s="508"/>
      <c r="AU80" s="508"/>
      <c r="AV80" s="508"/>
      <c r="AW80" s="508"/>
      <c r="AX80" s="508"/>
      <c r="AY80" s="508"/>
      <c r="AZ80" s="508"/>
      <c r="BA80" s="508"/>
      <c r="BB80" s="508"/>
      <c r="BC80" s="508"/>
      <c r="BD80" s="508"/>
      <c r="BE80" s="508"/>
      <c r="BF80" s="508"/>
      <c r="BG80" s="508"/>
      <c r="BH80" s="508"/>
      <c r="BI80" s="508"/>
      <c r="BJ80" s="508"/>
      <c r="BK80" s="508"/>
      <c r="BL80" s="508"/>
      <c r="BM80" s="508"/>
      <c r="BN80" s="508"/>
      <c r="BO80" s="508"/>
      <c r="BP80" s="508"/>
      <c r="BQ80" s="508"/>
      <c r="BR80" s="508"/>
      <c r="BS80" s="508"/>
      <c r="BT80" s="508"/>
      <c r="BU80" s="508"/>
      <c r="BV80" s="508"/>
      <c r="BW80" s="508"/>
      <c r="BX80" s="508"/>
      <c r="BY80" s="508"/>
      <c r="BZ80" s="508"/>
      <c r="CA80" s="508"/>
      <c r="CB80" s="508"/>
      <c r="CC80" s="508"/>
      <c r="CD80" s="508"/>
      <c r="CE80" s="508"/>
      <c r="CF80" s="508"/>
      <c r="CG80" s="508"/>
      <c r="CH80" s="508"/>
      <c r="CI80" s="508"/>
      <c r="CJ80" s="508"/>
      <c r="CK80" s="508"/>
      <c r="CL80" s="508"/>
      <c r="CM80" s="508"/>
      <c r="CN80" s="508"/>
      <c r="CO80" s="508"/>
      <c r="CP80" s="508"/>
      <c r="CQ80" s="508"/>
    </row>
    <row r="81" spans="1:95" s="8" customFormat="1" ht="13.5" customHeight="1" x14ac:dyDescent="0.55000000000000004">
      <c r="A81" s="508"/>
      <c r="B81" s="508"/>
      <c r="C81" s="508"/>
      <c r="D81" s="508"/>
      <c r="E81" s="508"/>
      <c r="F81" s="508"/>
      <c r="G81" s="508"/>
      <c r="H81" s="508"/>
      <c r="I81" s="508"/>
      <c r="J81" s="508"/>
      <c r="K81" s="508"/>
      <c r="L81" s="508"/>
      <c r="M81" s="508"/>
      <c r="N81" s="508"/>
      <c r="O81" s="508"/>
      <c r="P81" s="508"/>
      <c r="Q81" s="508"/>
      <c r="R81" s="508"/>
      <c r="S81" s="508"/>
      <c r="T81" s="508"/>
      <c r="U81" s="508"/>
      <c r="V81" s="508"/>
      <c r="W81" s="508"/>
      <c r="X81" s="508"/>
      <c r="Y81" s="508"/>
      <c r="Z81" s="508"/>
      <c r="AA81" s="508"/>
      <c r="AB81" s="508"/>
      <c r="AC81" s="508"/>
      <c r="AD81" s="508"/>
      <c r="AE81" s="508"/>
      <c r="AF81" s="508"/>
      <c r="AG81" s="508"/>
      <c r="AH81" s="508"/>
      <c r="AI81" s="508"/>
      <c r="AJ81" s="508"/>
      <c r="AK81" s="508"/>
      <c r="AL81" s="508"/>
      <c r="AM81" s="508"/>
      <c r="AN81" s="508"/>
      <c r="AO81" s="508"/>
      <c r="AP81" s="508"/>
      <c r="AQ81" s="508"/>
      <c r="AR81" s="508"/>
      <c r="AS81" s="508"/>
      <c r="AT81" s="508"/>
      <c r="AU81" s="508"/>
      <c r="AV81" s="508"/>
      <c r="AW81" s="508"/>
      <c r="AX81" s="508"/>
      <c r="AY81" s="508"/>
      <c r="AZ81" s="508"/>
      <c r="BA81" s="508"/>
      <c r="BB81" s="508"/>
      <c r="BC81" s="508"/>
      <c r="BD81" s="508"/>
      <c r="BE81" s="508"/>
      <c r="BF81" s="508"/>
      <c r="BG81" s="508"/>
      <c r="BH81" s="508"/>
      <c r="BI81" s="508"/>
      <c r="BJ81" s="508"/>
      <c r="BK81" s="508"/>
      <c r="BL81" s="508"/>
      <c r="BM81" s="508"/>
      <c r="BN81" s="508"/>
      <c r="BO81" s="508"/>
      <c r="BP81" s="508"/>
      <c r="BQ81" s="508"/>
      <c r="BR81" s="508"/>
      <c r="BS81" s="508"/>
      <c r="BT81" s="508"/>
      <c r="BU81" s="508"/>
      <c r="BV81" s="508"/>
      <c r="BW81" s="508"/>
      <c r="BX81" s="508"/>
      <c r="BY81" s="508"/>
      <c r="BZ81" s="508"/>
      <c r="CA81" s="508"/>
      <c r="CB81" s="508"/>
      <c r="CC81" s="508"/>
      <c r="CD81" s="508"/>
      <c r="CE81" s="508"/>
      <c r="CF81" s="508"/>
      <c r="CG81" s="508"/>
      <c r="CH81" s="508"/>
      <c r="CI81" s="508"/>
      <c r="CJ81" s="508"/>
      <c r="CK81" s="508"/>
      <c r="CL81" s="508"/>
      <c r="CM81" s="508"/>
      <c r="CN81" s="508"/>
      <c r="CO81" s="508"/>
      <c r="CP81" s="508"/>
      <c r="CQ81" s="508"/>
    </row>
    <row r="82" spans="1:95" s="8" customFormat="1" ht="5.25" customHeight="1" x14ac:dyDescent="0.55000000000000004">
      <c r="A82" s="509" t="s">
        <v>88</v>
      </c>
      <c r="B82" s="509"/>
      <c r="C82" s="509"/>
      <c r="D82" s="509"/>
      <c r="E82" s="509"/>
      <c r="F82" s="509"/>
      <c r="G82" s="509"/>
      <c r="H82" s="509"/>
      <c r="I82" s="509"/>
      <c r="J82" s="509"/>
      <c r="K82" s="509"/>
      <c r="L82" s="509"/>
      <c r="M82" s="509"/>
      <c r="N82" s="509"/>
      <c r="O82" s="509"/>
      <c r="P82" s="509"/>
      <c r="Q82" s="509"/>
      <c r="R82" s="509"/>
      <c r="S82" s="509"/>
      <c r="T82" s="509"/>
      <c r="U82" s="509"/>
      <c r="V82" s="509"/>
      <c r="W82" s="509"/>
      <c r="X82" s="509"/>
      <c r="Y82" s="509"/>
      <c r="Z82" s="509"/>
      <c r="AA82" s="509"/>
      <c r="AB82" s="509"/>
      <c r="AC82" s="509"/>
      <c r="AD82" s="509"/>
      <c r="AE82" s="509"/>
      <c r="AF82" s="509"/>
      <c r="AG82" s="509"/>
      <c r="AH82" s="509"/>
      <c r="AI82" s="509"/>
      <c r="AJ82" s="509"/>
      <c r="AK82" s="509"/>
      <c r="AL82" s="509"/>
      <c r="AM82" s="509"/>
      <c r="AN82" s="509"/>
      <c r="AO82" s="509"/>
      <c r="AP82" s="509"/>
      <c r="AQ82" s="509"/>
      <c r="AR82" s="509"/>
      <c r="AS82" s="509"/>
      <c r="AT82" s="509"/>
      <c r="AU82" s="509"/>
      <c r="AV82" s="509"/>
      <c r="AW82" s="509"/>
      <c r="AX82" s="509"/>
      <c r="AY82" s="509"/>
      <c r="AZ82" s="509"/>
      <c r="BA82" s="509"/>
      <c r="BB82" s="509"/>
      <c r="BC82" s="509"/>
      <c r="BD82" s="509"/>
      <c r="BE82" s="509"/>
      <c r="BF82" s="509"/>
      <c r="BG82" s="509"/>
      <c r="BH82" s="509"/>
      <c r="BI82" s="509"/>
      <c r="BJ82" s="509"/>
      <c r="BK82" s="509"/>
      <c r="BL82" s="509"/>
      <c r="BM82" s="509"/>
      <c r="BN82" s="509"/>
      <c r="BO82" s="509"/>
      <c r="BP82" s="509"/>
      <c r="BQ82" s="509"/>
      <c r="BR82" s="509"/>
      <c r="BS82" s="509"/>
      <c r="BT82" s="509"/>
      <c r="BU82" s="509"/>
      <c r="BV82" s="509"/>
      <c r="BW82" s="509"/>
      <c r="BX82" s="509"/>
      <c r="BY82" s="509"/>
      <c r="BZ82" s="509"/>
      <c r="CA82" s="509"/>
      <c r="CB82" s="509"/>
      <c r="CC82" s="509"/>
      <c r="CD82" s="509"/>
      <c r="CE82" s="509"/>
      <c r="CF82" s="509"/>
      <c r="CG82" s="509"/>
      <c r="CH82" s="509"/>
      <c r="CI82" s="509"/>
      <c r="CJ82" s="509"/>
      <c r="CK82" s="509"/>
      <c r="CL82" s="509"/>
      <c r="CM82" s="509"/>
      <c r="CN82" s="509"/>
      <c r="CO82" s="509"/>
      <c r="CP82" s="509"/>
      <c r="CQ82" s="509"/>
    </row>
    <row r="83" spans="1:95" s="8" customFormat="1" ht="9" customHeight="1" x14ac:dyDescent="0.55000000000000004">
      <c r="A83" s="509"/>
      <c r="B83" s="509"/>
      <c r="C83" s="509"/>
      <c r="D83" s="509"/>
      <c r="E83" s="509"/>
      <c r="F83" s="509"/>
      <c r="G83" s="509"/>
      <c r="H83" s="509"/>
      <c r="I83" s="509"/>
      <c r="J83" s="509"/>
      <c r="K83" s="509"/>
      <c r="L83" s="509"/>
      <c r="M83" s="509"/>
      <c r="N83" s="509"/>
      <c r="O83" s="509"/>
      <c r="P83" s="509"/>
      <c r="Q83" s="509"/>
      <c r="R83" s="509"/>
      <c r="S83" s="509"/>
      <c r="T83" s="509"/>
      <c r="U83" s="509"/>
      <c r="V83" s="509"/>
      <c r="W83" s="509"/>
      <c r="X83" s="509"/>
      <c r="Y83" s="509"/>
      <c r="Z83" s="509"/>
      <c r="AA83" s="509"/>
      <c r="AB83" s="509"/>
      <c r="AC83" s="509"/>
      <c r="AD83" s="509"/>
      <c r="AE83" s="509"/>
      <c r="AF83" s="509"/>
      <c r="AG83" s="509"/>
      <c r="AH83" s="509"/>
      <c r="AI83" s="509"/>
      <c r="AJ83" s="509"/>
      <c r="AK83" s="509"/>
      <c r="AL83" s="509"/>
      <c r="AM83" s="509"/>
      <c r="AN83" s="509"/>
      <c r="AO83" s="509"/>
      <c r="AP83" s="509"/>
      <c r="AQ83" s="509"/>
      <c r="AR83" s="509"/>
      <c r="AS83" s="509"/>
      <c r="AT83" s="509"/>
      <c r="AU83" s="509"/>
      <c r="AV83" s="509"/>
      <c r="AW83" s="509"/>
      <c r="AX83" s="509"/>
      <c r="AY83" s="509"/>
      <c r="AZ83" s="509"/>
      <c r="BA83" s="509"/>
      <c r="BB83" s="509"/>
      <c r="BC83" s="509"/>
      <c r="BD83" s="509"/>
      <c r="BE83" s="509"/>
      <c r="BF83" s="509"/>
      <c r="BG83" s="509"/>
      <c r="BH83" s="509"/>
      <c r="BI83" s="509"/>
      <c r="BJ83" s="509"/>
      <c r="BK83" s="509"/>
      <c r="BL83" s="509"/>
      <c r="BM83" s="509"/>
      <c r="BN83" s="509"/>
      <c r="BO83" s="509"/>
      <c r="BP83" s="509"/>
      <c r="BQ83" s="509"/>
      <c r="BR83" s="509"/>
      <c r="BS83" s="509"/>
      <c r="BT83" s="509"/>
      <c r="BU83" s="509"/>
      <c r="BV83" s="509"/>
      <c r="BW83" s="509"/>
      <c r="BX83" s="509"/>
      <c r="BY83" s="509"/>
      <c r="BZ83" s="509"/>
      <c r="CA83" s="509"/>
      <c r="CB83" s="509"/>
      <c r="CC83" s="509"/>
      <c r="CD83" s="509"/>
      <c r="CE83" s="509"/>
      <c r="CF83" s="509"/>
      <c r="CG83" s="509"/>
      <c r="CH83" s="509"/>
      <c r="CI83" s="509"/>
      <c r="CJ83" s="509"/>
      <c r="CK83" s="509"/>
      <c r="CL83" s="509"/>
      <c r="CM83" s="509"/>
      <c r="CN83" s="509"/>
      <c r="CO83" s="509"/>
      <c r="CP83" s="509"/>
      <c r="CQ83" s="509"/>
    </row>
    <row r="84" spans="1:95" s="8" customFormat="1" ht="9" customHeight="1" x14ac:dyDescent="0.55000000000000004">
      <c r="A84" s="509"/>
      <c r="B84" s="509"/>
      <c r="C84" s="509"/>
      <c r="D84" s="509"/>
      <c r="E84" s="509"/>
      <c r="F84" s="509"/>
      <c r="G84" s="509"/>
      <c r="H84" s="509"/>
      <c r="I84" s="509"/>
      <c r="J84" s="509"/>
      <c r="K84" s="509"/>
      <c r="L84" s="509"/>
      <c r="M84" s="509"/>
      <c r="N84" s="509"/>
      <c r="O84" s="509"/>
      <c r="P84" s="509"/>
      <c r="Q84" s="509"/>
      <c r="R84" s="509"/>
      <c r="S84" s="509"/>
      <c r="T84" s="509"/>
      <c r="U84" s="509"/>
      <c r="V84" s="509"/>
      <c r="W84" s="509"/>
      <c r="X84" s="509"/>
      <c r="Y84" s="509"/>
      <c r="Z84" s="509"/>
      <c r="AA84" s="509"/>
      <c r="AB84" s="509"/>
      <c r="AC84" s="509"/>
      <c r="AD84" s="509"/>
      <c r="AE84" s="509"/>
      <c r="AF84" s="509"/>
      <c r="AG84" s="509"/>
      <c r="AH84" s="509"/>
      <c r="AI84" s="509"/>
      <c r="AJ84" s="509"/>
      <c r="AK84" s="509"/>
      <c r="AL84" s="509"/>
      <c r="AM84" s="509"/>
      <c r="AN84" s="509"/>
      <c r="AO84" s="509"/>
      <c r="AP84" s="509"/>
      <c r="AQ84" s="509"/>
      <c r="AR84" s="509"/>
      <c r="AS84" s="509"/>
      <c r="AT84" s="509"/>
      <c r="AU84" s="509"/>
      <c r="AV84" s="509"/>
      <c r="AW84" s="509"/>
      <c r="AX84" s="509"/>
      <c r="AY84" s="509"/>
      <c r="AZ84" s="509"/>
      <c r="BA84" s="509"/>
      <c r="BB84" s="509"/>
      <c r="BC84" s="509"/>
      <c r="BD84" s="509"/>
      <c r="BE84" s="509"/>
      <c r="BF84" s="509"/>
      <c r="BG84" s="509"/>
      <c r="BH84" s="509"/>
      <c r="BI84" s="509"/>
      <c r="BJ84" s="509"/>
      <c r="BK84" s="509"/>
      <c r="BL84" s="509"/>
      <c r="BM84" s="509"/>
      <c r="BN84" s="509"/>
      <c r="BO84" s="509"/>
      <c r="BP84" s="509"/>
      <c r="BQ84" s="509"/>
      <c r="BR84" s="509"/>
      <c r="BS84" s="509"/>
      <c r="BT84" s="509"/>
      <c r="BU84" s="509"/>
      <c r="BV84" s="509"/>
      <c r="BW84" s="509"/>
      <c r="BX84" s="509"/>
      <c r="BY84" s="509"/>
      <c r="BZ84" s="509"/>
      <c r="CA84" s="509"/>
      <c r="CB84" s="509"/>
      <c r="CC84" s="509"/>
      <c r="CD84" s="509"/>
      <c r="CE84" s="509"/>
      <c r="CF84" s="509"/>
      <c r="CG84" s="509"/>
      <c r="CH84" s="509"/>
      <c r="CI84" s="509"/>
      <c r="CJ84" s="509"/>
      <c r="CK84" s="509"/>
      <c r="CL84" s="509"/>
      <c r="CM84" s="509"/>
      <c r="CN84" s="509"/>
      <c r="CO84" s="509"/>
      <c r="CP84" s="509"/>
      <c r="CQ84" s="509"/>
    </row>
    <row r="85" spans="1:95" s="8" customFormat="1" ht="9" customHeight="1" x14ac:dyDescent="0.55000000000000004">
      <c r="A85" s="509"/>
      <c r="B85" s="509"/>
      <c r="C85" s="509"/>
      <c r="D85" s="509"/>
      <c r="E85" s="509"/>
      <c r="F85" s="509"/>
      <c r="G85" s="509"/>
      <c r="H85" s="509"/>
      <c r="I85" s="509"/>
      <c r="J85" s="509"/>
      <c r="K85" s="509"/>
      <c r="L85" s="509"/>
      <c r="M85" s="509"/>
      <c r="N85" s="509"/>
      <c r="O85" s="509"/>
      <c r="P85" s="509"/>
      <c r="Q85" s="509"/>
      <c r="R85" s="509"/>
      <c r="S85" s="509"/>
      <c r="T85" s="509"/>
      <c r="U85" s="509"/>
      <c r="V85" s="509"/>
      <c r="W85" s="509"/>
      <c r="X85" s="509"/>
      <c r="Y85" s="509"/>
      <c r="Z85" s="509"/>
      <c r="AA85" s="509"/>
      <c r="AB85" s="509"/>
      <c r="AC85" s="509"/>
      <c r="AD85" s="509"/>
      <c r="AE85" s="509"/>
      <c r="AF85" s="509"/>
      <c r="AG85" s="509"/>
      <c r="AH85" s="509"/>
      <c r="AI85" s="509"/>
      <c r="AJ85" s="509"/>
      <c r="AK85" s="509"/>
      <c r="AL85" s="509"/>
      <c r="AM85" s="509"/>
      <c r="AN85" s="509"/>
      <c r="AO85" s="509"/>
      <c r="AP85" s="509"/>
      <c r="AQ85" s="509"/>
      <c r="AR85" s="509"/>
      <c r="AS85" s="509"/>
      <c r="AT85" s="509"/>
      <c r="AU85" s="509"/>
      <c r="AV85" s="509"/>
      <c r="AW85" s="509"/>
      <c r="AX85" s="509"/>
      <c r="AY85" s="509"/>
      <c r="AZ85" s="509"/>
      <c r="BA85" s="509"/>
      <c r="BB85" s="509"/>
      <c r="BC85" s="509"/>
      <c r="BD85" s="509"/>
      <c r="BE85" s="509"/>
      <c r="BF85" s="509"/>
      <c r="BG85" s="509"/>
      <c r="BH85" s="509"/>
      <c r="BI85" s="509"/>
      <c r="BJ85" s="509"/>
      <c r="BK85" s="509"/>
      <c r="BL85" s="509"/>
      <c r="BM85" s="509"/>
      <c r="BN85" s="509"/>
      <c r="BO85" s="509"/>
      <c r="BP85" s="509"/>
      <c r="BQ85" s="509"/>
      <c r="BR85" s="509"/>
      <c r="BS85" s="509"/>
      <c r="BT85" s="509"/>
      <c r="BU85" s="509"/>
      <c r="BV85" s="509"/>
      <c r="BW85" s="509"/>
      <c r="BX85" s="509"/>
      <c r="BY85" s="509"/>
      <c r="BZ85" s="509"/>
      <c r="CA85" s="509"/>
      <c r="CB85" s="509"/>
      <c r="CC85" s="509"/>
      <c r="CD85" s="509"/>
      <c r="CE85" s="509"/>
      <c r="CF85" s="509"/>
      <c r="CG85" s="509"/>
      <c r="CH85" s="509"/>
      <c r="CI85" s="509"/>
      <c r="CJ85" s="509"/>
      <c r="CK85" s="509"/>
      <c r="CL85" s="509"/>
      <c r="CM85" s="509"/>
      <c r="CN85" s="509"/>
      <c r="CO85" s="509"/>
      <c r="CP85" s="509"/>
      <c r="CQ85" s="509"/>
    </row>
    <row r="86" spans="1:95" s="8" customFormat="1" ht="9" customHeight="1" x14ac:dyDescent="0.55000000000000004">
      <c r="A86" s="509"/>
      <c r="B86" s="509"/>
      <c r="C86" s="509"/>
      <c r="D86" s="509"/>
      <c r="E86" s="509"/>
      <c r="F86" s="509"/>
      <c r="G86" s="509"/>
      <c r="H86" s="509"/>
      <c r="I86" s="509"/>
      <c r="J86" s="509"/>
      <c r="K86" s="509"/>
      <c r="L86" s="509"/>
      <c r="M86" s="509"/>
      <c r="N86" s="509"/>
      <c r="O86" s="509"/>
      <c r="P86" s="509"/>
      <c r="Q86" s="509"/>
      <c r="R86" s="509"/>
      <c r="S86" s="509"/>
      <c r="T86" s="509"/>
      <c r="U86" s="509"/>
      <c r="V86" s="509"/>
      <c r="W86" s="509"/>
      <c r="X86" s="509"/>
      <c r="Y86" s="509"/>
      <c r="Z86" s="509"/>
      <c r="AA86" s="509"/>
      <c r="AB86" s="509"/>
      <c r="AC86" s="509"/>
      <c r="AD86" s="509"/>
      <c r="AE86" s="509"/>
      <c r="AF86" s="509"/>
      <c r="AG86" s="509"/>
      <c r="AH86" s="509"/>
      <c r="AI86" s="509"/>
      <c r="AJ86" s="509"/>
      <c r="AK86" s="509"/>
      <c r="AL86" s="509"/>
      <c r="AM86" s="509"/>
      <c r="AN86" s="509"/>
      <c r="AO86" s="509"/>
      <c r="AP86" s="509"/>
      <c r="AQ86" s="509"/>
      <c r="AR86" s="509"/>
      <c r="AS86" s="509"/>
      <c r="AT86" s="509"/>
      <c r="AU86" s="509"/>
      <c r="AV86" s="509"/>
      <c r="AW86" s="509"/>
      <c r="AX86" s="509"/>
      <c r="AY86" s="509"/>
      <c r="AZ86" s="509"/>
      <c r="BA86" s="509"/>
      <c r="BB86" s="509"/>
      <c r="BC86" s="509"/>
      <c r="BD86" s="509"/>
      <c r="BE86" s="509"/>
      <c r="BF86" s="509"/>
      <c r="BG86" s="509"/>
      <c r="BH86" s="509"/>
      <c r="BI86" s="509"/>
      <c r="BJ86" s="509"/>
      <c r="BK86" s="509"/>
      <c r="BL86" s="509"/>
      <c r="BM86" s="509"/>
      <c r="BN86" s="509"/>
      <c r="BO86" s="509"/>
      <c r="BP86" s="509"/>
      <c r="BQ86" s="509"/>
      <c r="BR86" s="509"/>
      <c r="BS86" s="509"/>
      <c r="BT86" s="509"/>
      <c r="BU86" s="509"/>
      <c r="BV86" s="509"/>
      <c r="BW86" s="509"/>
      <c r="BX86" s="509"/>
      <c r="BY86" s="509"/>
      <c r="BZ86" s="509"/>
      <c r="CA86" s="509"/>
      <c r="CB86" s="509"/>
      <c r="CC86" s="509"/>
      <c r="CD86" s="509"/>
      <c r="CE86" s="509"/>
      <c r="CF86" s="509"/>
      <c r="CG86" s="509"/>
      <c r="CH86" s="509"/>
      <c r="CI86" s="509"/>
      <c r="CJ86" s="509"/>
      <c r="CK86" s="509"/>
      <c r="CL86" s="509"/>
      <c r="CM86" s="509"/>
      <c r="CN86" s="509"/>
      <c r="CO86" s="509"/>
      <c r="CP86" s="509"/>
      <c r="CQ86" s="509"/>
    </row>
    <row r="87" spans="1:95" s="8" customFormat="1" ht="9" customHeight="1" x14ac:dyDescent="0.55000000000000004">
      <c r="A87" s="509"/>
      <c r="B87" s="509"/>
      <c r="C87" s="509"/>
      <c r="D87" s="509"/>
      <c r="E87" s="509"/>
      <c r="F87" s="509"/>
      <c r="G87" s="509"/>
      <c r="H87" s="509"/>
      <c r="I87" s="509"/>
      <c r="J87" s="509"/>
      <c r="K87" s="509"/>
      <c r="L87" s="509"/>
      <c r="M87" s="509"/>
      <c r="N87" s="509"/>
      <c r="O87" s="509"/>
      <c r="P87" s="509"/>
      <c r="Q87" s="509"/>
      <c r="R87" s="509"/>
      <c r="S87" s="509"/>
      <c r="T87" s="509"/>
      <c r="U87" s="509"/>
      <c r="V87" s="509"/>
      <c r="W87" s="509"/>
      <c r="X87" s="509"/>
      <c r="Y87" s="509"/>
      <c r="Z87" s="509"/>
      <c r="AA87" s="509"/>
      <c r="AB87" s="509"/>
      <c r="AC87" s="509"/>
      <c r="AD87" s="509"/>
      <c r="AE87" s="509"/>
      <c r="AF87" s="509"/>
      <c r="AG87" s="509"/>
      <c r="AH87" s="509"/>
      <c r="AI87" s="509"/>
      <c r="AJ87" s="509"/>
      <c r="AK87" s="509"/>
      <c r="AL87" s="509"/>
      <c r="AM87" s="509"/>
      <c r="AN87" s="509"/>
      <c r="AO87" s="509"/>
      <c r="AP87" s="509"/>
      <c r="AQ87" s="509"/>
      <c r="AR87" s="509"/>
      <c r="AS87" s="509"/>
      <c r="AT87" s="509"/>
      <c r="AU87" s="509"/>
      <c r="AV87" s="509"/>
      <c r="AW87" s="509"/>
      <c r="AX87" s="509"/>
      <c r="AY87" s="509"/>
      <c r="AZ87" s="509"/>
      <c r="BA87" s="509"/>
      <c r="BB87" s="509"/>
      <c r="BC87" s="509"/>
      <c r="BD87" s="509"/>
      <c r="BE87" s="509"/>
      <c r="BF87" s="509"/>
      <c r="BG87" s="509"/>
      <c r="BH87" s="509"/>
      <c r="BI87" s="509"/>
      <c r="BJ87" s="509"/>
      <c r="BK87" s="509"/>
      <c r="BL87" s="509"/>
      <c r="BM87" s="509"/>
      <c r="BN87" s="509"/>
      <c r="BO87" s="509"/>
      <c r="BP87" s="509"/>
      <c r="BQ87" s="509"/>
      <c r="BR87" s="509"/>
      <c r="BS87" s="509"/>
      <c r="BT87" s="509"/>
      <c r="BU87" s="509"/>
      <c r="BV87" s="509"/>
      <c r="BW87" s="509"/>
      <c r="BX87" s="509"/>
      <c r="BY87" s="509"/>
      <c r="BZ87" s="509"/>
      <c r="CA87" s="509"/>
      <c r="CB87" s="509"/>
      <c r="CC87" s="509"/>
      <c r="CD87" s="509"/>
      <c r="CE87" s="509"/>
      <c r="CF87" s="509"/>
      <c r="CG87" s="509"/>
      <c r="CH87" s="509"/>
      <c r="CI87" s="509"/>
      <c r="CJ87" s="509"/>
      <c r="CK87" s="509"/>
      <c r="CL87" s="509"/>
      <c r="CM87" s="509"/>
      <c r="CN87" s="509"/>
      <c r="CO87" s="509"/>
      <c r="CP87" s="509"/>
      <c r="CQ87" s="509"/>
    </row>
    <row r="88" spans="1:95" s="8" customFormat="1" ht="23.25" customHeight="1" x14ac:dyDescent="0.55000000000000004">
      <c r="A88" s="100"/>
      <c r="B88" s="100"/>
      <c r="C88" s="100"/>
      <c r="D88" s="100"/>
      <c r="E88" s="100"/>
      <c r="F88" s="100"/>
      <c r="G88" s="100"/>
      <c r="H88" s="100"/>
      <c r="I88" s="100"/>
      <c r="J88" s="100"/>
      <c r="K88" s="100"/>
      <c r="L88" s="100"/>
      <c r="M88" s="100"/>
      <c r="N88" s="100"/>
      <c r="O88" s="100"/>
      <c r="P88" s="100"/>
      <c r="Q88" s="100"/>
      <c r="R88" s="100"/>
      <c r="S88" s="100"/>
      <c r="T88" s="100"/>
      <c r="U88" s="100"/>
      <c r="V88" s="100"/>
      <c r="W88" s="100"/>
      <c r="X88" s="100"/>
      <c r="Y88" s="100"/>
      <c r="Z88" s="100"/>
      <c r="AA88" s="100"/>
      <c r="AB88" s="100"/>
      <c r="AC88" s="100"/>
      <c r="AD88" s="100"/>
      <c r="AE88" s="100"/>
      <c r="AF88" s="100"/>
      <c r="AG88" s="100"/>
      <c r="AH88" s="100"/>
      <c r="AI88" s="100"/>
      <c r="AJ88" s="100"/>
      <c r="AK88" s="100"/>
      <c r="AL88" s="100"/>
      <c r="AM88" s="100"/>
      <c r="AN88" s="100"/>
      <c r="AO88" s="100"/>
      <c r="AP88" s="100"/>
      <c r="AQ88" s="101"/>
      <c r="AS88" s="102"/>
      <c r="AT88" s="102"/>
      <c r="AU88" s="102"/>
      <c r="AV88" s="102"/>
      <c r="AW88" s="102"/>
      <c r="AX88" s="102"/>
      <c r="AY88" s="102"/>
      <c r="AZ88" s="102"/>
      <c r="BA88" s="102"/>
      <c r="BB88" s="102"/>
      <c r="BC88" s="103"/>
      <c r="BD88" s="103"/>
      <c r="BE88" s="103"/>
      <c r="BF88" s="104"/>
      <c r="BG88" s="104"/>
      <c r="BH88" s="104"/>
      <c r="BI88" s="104"/>
      <c r="BJ88" s="104"/>
      <c r="BK88" s="104"/>
      <c r="BL88" s="104"/>
      <c r="BM88" s="104"/>
      <c r="BN88" s="104"/>
      <c r="BO88" s="104"/>
      <c r="BP88" s="104"/>
      <c r="BQ88" s="104"/>
      <c r="BR88" s="104"/>
      <c r="BS88" s="104"/>
      <c r="BT88" s="104"/>
      <c r="BU88" s="104"/>
      <c r="BV88" s="104"/>
      <c r="BW88" s="104"/>
      <c r="BX88" s="104"/>
      <c r="BY88" s="104"/>
      <c r="BZ88" s="104"/>
      <c r="CA88" s="104"/>
      <c r="CB88" s="104"/>
    </row>
    <row r="89" spans="1:95" s="8" customFormat="1" ht="12.65" customHeight="1" x14ac:dyDescent="0.55000000000000004">
      <c r="A89" s="100"/>
      <c r="B89" s="100"/>
      <c r="C89" s="100"/>
      <c r="D89" s="100"/>
      <c r="E89" s="100"/>
      <c r="F89" s="100"/>
      <c r="G89" s="100"/>
      <c r="H89" s="100"/>
      <c r="I89" s="100"/>
      <c r="J89" s="100"/>
      <c r="K89" s="100"/>
      <c r="L89" s="100"/>
      <c r="M89" s="100"/>
      <c r="N89" s="100"/>
      <c r="O89" s="100"/>
      <c r="P89" s="100"/>
      <c r="Q89" s="100"/>
      <c r="R89" s="100"/>
      <c r="S89" s="100"/>
      <c r="T89" s="100"/>
      <c r="U89" s="100"/>
      <c r="V89" s="100"/>
      <c r="W89" s="100"/>
      <c r="X89" s="100"/>
      <c r="Y89" s="100"/>
      <c r="Z89" s="100"/>
      <c r="AA89" s="100"/>
      <c r="AB89" s="100"/>
      <c r="AC89" s="100"/>
      <c r="AD89" s="100"/>
      <c r="AE89" s="100"/>
      <c r="AF89" s="100"/>
      <c r="AG89" s="100"/>
      <c r="AH89" s="100"/>
      <c r="AI89" s="100"/>
      <c r="AJ89" s="100"/>
      <c r="AK89" s="100"/>
      <c r="AL89" s="100"/>
      <c r="AM89" s="100"/>
      <c r="AN89" s="100"/>
      <c r="AO89" s="100"/>
      <c r="AP89" s="100"/>
      <c r="BF89" s="101"/>
      <c r="BG89" s="105" t="s">
        <v>89</v>
      </c>
      <c r="BH89" s="102"/>
      <c r="BI89" s="102"/>
      <c r="BJ89" s="102"/>
      <c r="BK89" s="102"/>
      <c r="BL89" s="102"/>
      <c r="BM89" s="102"/>
      <c r="BN89" s="102"/>
      <c r="BO89" s="102"/>
      <c r="BP89" s="102"/>
      <c r="BQ89" s="102"/>
      <c r="BR89" s="103"/>
      <c r="BS89" s="103"/>
      <c r="BT89" s="103"/>
      <c r="BU89" s="104"/>
      <c r="BV89" s="104"/>
      <c r="BW89" s="104"/>
      <c r="BX89" s="104"/>
      <c r="BY89" s="104"/>
      <c r="BZ89" s="104"/>
      <c r="CA89" s="104"/>
      <c r="CB89" s="104"/>
      <c r="CC89" s="104"/>
      <c r="CD89" s="104"/>
      <c r="CE89" s="104"/>
      <c r="CF89" s="104"/>
      <c r="CG89" s="104"/>
      <c r="CH89" s="104"/>
      <c r="CI89" s="104"/>
      <c r="CJ89" s="104"/>
      <c r="CK89" s="104"/>
      <c r="CL89" s="104"/>
      <c r="CM89" s="104"/>
      <c r="CN89" s="104"/>
      <c r="CO89" s="104"/>
      <c r="CP89" s="104"/>
      <c r="CQ89" s="104"/>
    </row>
    <row r="90" spans="1:95" s="38" customFormat="1" ht="9.75" customHeight="1" x14ac:dyDescent="0.55000000000000004">
      <c r="A90" s="100"/>
      <c r="B90" s="100"/>
      <c r="C90" s="100"/>
      <c r="D90" s="100"/>
      <c r="E90" s="100"/>
      <c r="F90" s="100"/>
      <c r="G90" s="100"/>
      <c r="H90" s="100"/>
      <c r="I90" s="100"/>
      <c r="J90" s="100"/>
      <c r="K90" s="100"/>
      <c r="L90" s="100"/>
      <c r="M90" s="100"/>
      <c r="N90" s="100"/>
      <c r="O90" s="100"/>
      <c r="P90" s="100"/>
      <c r="Q90" s="100"/>
      <c r="R90" s="100"/>
      <c r="S90" s="100"/>
      <c r="T90" s="100"/>
      <c r="U90" s="100"/>
      <c r="V90" s="100"/>
      <c r="W90" s="100"/>
      <c r="X90" s="100"/>
      <c r="Y90" s="100"/>
      <c r="Z90" s="100"/>
      <c r="AA90" s="100"/>
      <c r="AB90" s="100"/>
      <c r="AC90" s="100"/>
      <c r="AD90" s="100"/>
      <c r="AE90" s="100"/>
      <c r="AF90" s="100"/>
      <c r="AG90" s="100"/>
      <c r="AH90" s="100"/>
      <c r="AI90" s="100"/>
      <c r="AJ90" s="100"/>
      <c r="AK90" s="100"/>
      <c r="AL90" s="100"/>
      <c r="AM90" s="100"/>
      <c r="AN90" s="100"/>
      <c r="AO90" s="100"/>
      <c r="AP90" s="100"/>
      <c r="AQ90" s="8"/>
      <c r="AR90" s="8"/>
      <c r="AS90" s="8"/>
      <c r="AT90" s="8"/>
      <c r="AU90" s="8"/>
      <c r="AV90" s="8"/>
      <c r="AW90" s="8"/>
      <c r="AX90" s="8"/>
      <c r="AY90" s="8"/>
      <c r="AZ90" s="8"/>
      <c r="BA90" s="8"/>
      <c r="BB90" s="8"/>
      <c r="BC90" s="8"/>
      <c r="BD90" s="8"/>
      <c r="BE90" s="8"/>
      <c r="BF90" s="106"/>
      <c r="BG90" s="107"/>
      <c r="BH90" s="107"/>
      <c r="BI90" s="107"/>
      <c r="BJ90" s="107"/>
      <c r="BK90" s="107"/>
      <c r="BL90" s="107"/>
      <c r="BM90" s="107"/>
      <c r="BN90" s="107"/>
      <c r="BO90" s="107"/>
      <c r="BP90" s="107"/>
      <c r="BQ90" s="107"/>
      <c r="BR90" s="108"/>
      <c r="BS90" s="108"/>
      <c r="BT90" s="108"/>
      <c r="BU90" s="109"/>
      <c r="BV90" s="109"/>
      <c r="BW90" s="109"/>
      <c r="BX90" s="109"/>
      <c r="BY90" s="109"/>
      <c r="BZ90" s="109"/>
      <c r="CA90" s="109"/>
      <c r="CB90" s="109"/>
      <c r="CC90" s="109"/>
      <c r="CD90" s="109"/>
      <c r="CE90" s="109"/>
      <c r="CF90" s="109"/>
      <c r="CG90" s="109"/>
      <c r="CH90" s="109"/>
      <c r="CI90" s="109"/>
      <c r="CJ90" s="109"/>
      <c r="CK90" s="109"/>
      <c r="CL90" s="109"/>
      <c r="CM90" s="109"/>
      <c r="CN90" s="109"/>
      <c r="CO90" s="109"/>
      <c r="CP90" s="109"/>
      <c r="CQ90" s="109"/>
    </row>
    <row r="91" spans="1:95" s="38" customFormat="1" ht="13.5" customHeight="1" x14ac:dyDescent="0.2">
      <c r="A91" s="100"/>
      <c r="B91" s="100"/>
      <c r="C91" s="100"/>
      <c r="D91" s="100"/>
      <c r="E91" s="100"/>
      <c r="F91" s="100"/>
      <c r="G91" s="100"/>
      <c r="H91" s="100"/>
      <c r="I91" s="100"/>
      <c r="J91" s="100"/>
      <c r="K91" s="100"/>
      <c r="L91" s="100"/>
      <c r="M91" s="100"/>
      <c r="N91" s="100"/>
      <c r="O91" s="100"/>
      <c r="P91" s="100"/>
      <c r="Q91" s="100"/>
      <c r="R91" s="100"/>
      <c r="S91" s="100"/>
      <c r="T91" s="100"/>
      <c r="U91" s="100"/>
      <c r="V91" s="100"/>
      <c r="W91" s="100"/>
      <c r="X91" s="100"/>
      <c r="Y91" s="100"/>
      <c r="Z91" s="100"/>
      <c r="AA91" s="100"/>
      <c r="AB91" s="100"/>
      <c r="AC91" s="100"/>
      <c r="AD91" s="100"/>
      <c r="AE91" s="100"/>
      <c r="AF91" s="100"/>
      <c r="AG91" s="100"/>
      <c r="AH91" s="100"/>
      <c r="AI91" s="100"/>
      <c r="AJ91" s="100"/>
      <c r="AK91" s="100"/>
      <c r="AL91" s="100"/>
      <c r="AM91" s="100"/>
      <c r="AN91" s="100"/>
      <c r="AO91" s="100"/>
      <c r="AP91" s="100"/>
      <c r="AQ91" s="100"/>
      <c r="AR91" s="100"/>
      <c r="AS91" s="100"/>
      <c r="AT91" s="100"/>
      <c r="AU91" s="100"/>
      <c r="AV91" s="100"/>
      <c r="AW91" s="100"/>
      <c r="AX91" s="100"/>
      <c r="AY91" s="100"/>
    </row>
    <row r="92" spans="1:95" s="38" customFormat="1" ht="15.65" customHeight="1" x14ac:dyDescent="0.2">
      <c r="A92" s="100"/>
      <c r="B92" s="100"/>
      <c r="C92" s="100"/>
      <c r="D92" s="100"/>
      <c r="E92" s="100"/>
      <c r="F92" s="100"/>
      <c r="G92" s="110"/>
      <c r="H92" s="101"/>
      <c r="I92" s="101"/>
      <c r="J92" s="101"/>
      <c r="K92" s="101"/>
      <c r="L92" s="101"/>
      <c r="M92" s="101"/>
      <c r="N92" s="101"/>
      <c r="O92" s="101"/>
      <c r="P92" s="101"/>
      <c r="Q92" s="101"/>
      <c r="R92" s="101"/>
      <c r="S92" s="101"/>
      <c r="T92" s="101"/>
      <c r="U92" s="101"/>
      <c r="V92" s="101"/>
      <c r="W92" s="101"/>
      <c r="X92" s="101"/>
      <c r="Y92" s="111"/>
      <c r="Z92" s="112" t="s">
        <v>90</v>
      </c>
      <c r="AA92" s="111"/>
      <c r="AB92" s="111"/>
      <c r="AC92" s="111"/>
      <c r="AD92" s="111"/>
      <c r="AE92" s="111"/>
      <c r="AF92" s="111"/>
      <c r="AG92" s="111"/>
      <c r="AH92" s="111"/>
      <c r="AI92" s="111"/>
      <c r="AJ92" s="111"/>
      <c r="AK92" s="111"/>
      <c r="AL92" s="111"/>
      <c r="AM92" s="111"/>
      <c r="AN92" s="111"/>
      <c r="AO92" s="111"/>
      <c r="AP92" s="111"/>
      <c r="AQ92" s="111"/>
      <c r="AR92" s="111"/>
      <c r="AS92" s="111"/>
      <c r="AT92" s="111"/>
      <c r="AU92" s="111"/>
      <c r="AV92" s="111"/>
      <c r="AW92" s="111"/>
      <c r="AX92" s="111"/>
      <c r="AY92" s="111"/>
      <c r="AZ92" s="111"/>
      <c r="BA92" s="111"/>
      <c r="BB92" s="111"/>
      <c r="BC92" s="111"/>
      <c r="BD92" s="111"/>
      <c r="BE92" s="113"/>
      <c r="BF92" s="113"/>
      <c r="BG92" s="114" t="s">
        <v>91</v>
      </c>
      <c r="BH92" s="113"/>
      <c r="BI92" s="113"/>
      <c r="BJ92" s="113"/>
      <c r="BK92" s="113"/>
      <c r="BL92" s="113"/>
      <c r="BM92" s="113"/>
      <c r="BN92" s="113"/>
      <c r="BO92" s="113"/>
      <c r="BP92" s="113"/>
      <c r="BQ92" s="113"/>
      <c r="BR92" s="113"/>
      <c r="BS92" s="113"/>
      <c r="BT92" s="113"/>
      <c r="BU92" s="113"/>
      <c r="BV92" s="113"/>
      <c r="BW92" s="113"/>
      <c r="BX92" s="114"/>
      <c r="BY92" s="114"/>
      <c r="BZ92" s="114"/>
      <c r="CA92" s="114"/>
      <c r="CB92" s="115"/>
      <c r="CC92" s="116"/>
      <c r="CD92" s="116"/>
      <c r="CE92" s="116"/>
      <c r="CF92" s="116"/>
      <c r="CG92" s="116"/>
      <c r="CH92" s="116"/>
      <c r="CI92" s="116"/>
      <c r="CJ92" s="116"/>
      <c r="CK92" s="116"/>
      <c r="CL92" s="116"/>
      <c r="CM92" s="116"/>
      <c r="CN92" s="116"/>
      <c r="CO92" s="116"/>
      <c r="CP92" s="116"/>
      <c r="CQ92" s="116"/>
    </row>
    <row r="93" spans="1:95" s="38" customFormat="1" ht="9" customHeight="1" thickBot="1" x14ac:dyDescent="0.25">
      <c r="A93" s="117"/>
      <c r="B93" s="117"/>
      <c r="C93" s="117"/>
      <c r="D93" s="117"/>
      <c r="E93" s="117"/>
      <c r="F93" s="117"/>
      <c r="G93" s="118"/>
      <c r="H93" s="118"/>
      <c r="I93" s="118"/>
      <c r="J93" s="118"/>
      <c r="K93" s="118"/>
      <c r="L93" s="118"/>
      <c r="M93" s="118"/>
      <c r="N93" s="118"/>
      <c r="O93" s="118"/>
      <c r="P93" s="118"/>
      <c r="Q93" s="118"/>
      <c r="R93" s="118"/>
      <c r="S93" s="118"/>
      <c r="T93" s="118"/>
      <c r="U93" s="118"/>
      <c r="V93" s="118"/>
      <c r="W93" s="118"/>
      <c r="X93" s="118"/>
      <c r="Y93" s="119"/>
      <c r="Z93" s="120"/>
      <c r="AA93" s="120"/>
      <c r="AB93" s="120"/>
      <c r="AC93" s="120"/>
      <c r="AD93" s="120"/>
      <c r="AE93" s="120"/>
      <c r="AF93" s="120"/>
      <c r="AG93" s="120"/>
      <c r="AH93" s="120"/>
      <c r="AI93" s="120"/>
      <c r="AJ93" s="120"/>
      <c r="AK93" s="120"/>
      <c r="AL93" s="120"/>
      <c r="AM93" s="120"/>
      <c r="AN93" s="120"/>
      <c r="AO93" s="120"/>
      <c r="AP93" s="120"/>
      <c r="AQ93" s="120"/>
      <c r="AR93" s="120"/>
      <c r="AS93" s="120"/>
      <c r="AT93" s="120"/>
      <c r="AU93" s="120"/>
      <c r="AV93" s="120"/>
      <c r="AW93" s="120"/>
      <c r="AX93" s="120"/>
      <c r="AY93" s="120"/>
      <c r="AZ93" s="120"/>
      <c r="BA93" s="120"/>
      <c r="BB93" s="120"/>
      <c r="BC93" s="120"/>
      <c r="BD93" s="120"/>
      <c r="BE93" s="119"/>
      <c r="BF93" s="119"/>
      <c r="BG93" s="120"/>
      <c r="BH93" s="120"/>
      <c r="BI93" s="120"/>
      <c r="BJ93" s="120"/>
      <c r="BK93" s="120"/>
      <c r="BL93" s="120"/>
      <c r="BM93" s="120"/>
      <c r="BN93" s="120"/>
      <c r="BO93" s="120"/>
      <c r="BP93" s="120"/>
      <c r="BQ93" s="120"/>
      <c r="BR93" s="120"/>
      <c r="BS93" s="120"/>
      <c r="BT93" s="120"/>
      <c r="BU93" s="120"/>
      <c r="BV93" s="120"/>
      <c r="BW93" s="120"/>
      <c r="BX93" s="121"/>
      <c r="BY93" s="121"/>
      <c r="BZ93" s="121"/>
      <c r="CA93" s="121"/>
      <c r="CB93" s="122"/>
      <c r="CC93" s="123"/>
      <c r="CD93" s="123"/>
      <c r="CE93" s="123"/>
      <c r="CF93" s="123"/>
      <c r="CG93" s="123"/>
      <c r="CH93" s="123"/>
      <c r="CI93" s="123"/>
      <c r="CJ93" s="123"/>
      <c r="CK93" s="123"/>
      <c r="CL93" s="123"/>
      <c r="CM93" s="123"/>
      <c r="CN93" s="123"/>
      <c r="CO93" s="123"/>
      <c r="CP93" s="123"/>
      <c r="CQ93" s="123"/>
    </row>
    <row r="94" spans="1:95" s="38" customFormat="1" ht="10.5" customHeight="1" x14ac:dyDescent="0.2">
      <c r="A94" s="100"/>
      <c r="B94" s="100"/>
      <c r="C94" s="100"/>
      <c r="D94" s="100"/>
      <c r="E94" s="100"/>
      <c r="F94" s="100"/>
      <c r="G94" s="100"/>
      <c r="H94" s="100"/>
      <c r="I94" s="100"/>
      <c r="J94" s="100"/>
      <c r="K94" s="100"/>
      <c r="L94" s="100"/>
      <c r="M94" s="100"/>
      <c r="N94" s="100"/>
      <c r="O94" s="100"/>
      <c r="P94" s="100"/>
      <c r="Q94" s="100"/>
      <c r="R94" s="100"/>
      <c r="S94" s="100"/>
      <c r="T94" s="100"/>
      <c r="U94" s="100"/>
      <c r="V94" s="100"/>
      <c r="W94" s="100"/>
      <c r="X94" s="100"/>
      <c r="Y94" s="100"/>
      <c r="Z94" s="100"/>
      <c r="AA94" s="100"/>
      <c r="AB94" s="100"/>
      <c r="AC94" s="100"/>
      <c r="AD94" s="100"/>
      <c r="AE94" s="100"/>
      <c r="AF94" s="100"/>
      <c r="AG94" s="100"/>
      <c r="AH94" s="100"/>
      <c r="AI94" s="100"/>
      <c r="AJ94" s="100"/>
      <c r="AK94" s="100"/>
      <c r="AL94" s="100"/>
      <c r="AM94" s="100"/>
      <c r="AN94" s="100"/>
      <c r="AO94" s="100"/>
      <c r="AP94" s="100"/>
      <c r="AQ94" s="100"/>
      <c r="AR94" s="100"/>
      <c r="AS94" s="100"/>
      <c r="AT94" s="100"/>
      <c r="AU94" s="100"/>
      <c r="AV94" s="100"/>
      <c r="AW94" s="100"/>
      <c r="AX94" s="100"/>
      <c r="AY94" s="100"/>
      <c r="AZ94" s="100"/>
      <c r="BA94" s="100"/>
      <c r="BB94" s="100"/>
      <c r="BC94" s="100"/>
      <c r="BD94" s="100"/>
      <c r="BE94" s="100"/>
      <c r="BF94" s="100"/>
      <c r="BG94" s="100"/>
      <c r="BH94" s="100"/>
      <c r="BI94" s="100"/>
      <c r="BJ94" s="100"/>
      <c r="BK94" s="100"/>
      <c r="BL94" s="100"/>
      <c r="BM94" s="100"/>
      <c r="BN94" s="100"/>
      <c r="BO94" s="100"/>
      <c r="BP94" s="36"/>
      <c r="BQ94" s="36"/>
      <c r="BR94" s="36"/>
      <c r="BS94" s="36"/>
      <c r="BT94" s="37"/>
    </row>
    <row r="95" spans="1:95" s="36" customFormat="1" ht="16.5" customHeight="1" x14ac:dyDescent="0.2">
      <c r="A95" s="34"/>
      <c r="B95" s="34"/>
      <c r="C95" s="34"/>
      <c r="D95" s="34"/>
      <c r="E95" s="34"/>
      <c r="F95" s="34"/>
      <c r="G95" s="34"/>
      <c r="H95" s="34"/>
      <c r="I95" s="34"/>
      <c r="J95" s="34"/>
      <c r="K95" s="34"/>
      <c r="L95" s="34"/>
      <c r="M95" s="34"/>
      <c r="N95" s="34"/>
      <c r="O95" s="34"/>
      <c r="P95" s="34"/>
      <c r="Q95" s="34"/>
      <c r="R95" s="34"/>
      <c r="S95" s="34"/>
      <c r="T95" s="34"/>
      <c r="U95" s="34"/>
      <c r="V95" s="34"/>
      <c r="W95" s="34"/>
      <c r="X95" s="34"/>
      <c r="Y95" s="34"/>
      <c r="Z95" s="124"/>
      <c r="AA95" s="124"/>
      <c r="AB95" s="124"/>
      <c r="AI95" s="36" t="s">
        <v>92</v>
      </c>
      <c r="AS95" s="125"/>
      <c r="AT95" s="126" t="s">
        <v>93</v>
      </c>
      <c r="AU95" s="127"/>
      <c r="AV95" s="127"/>
      <c r="AW95" s="127"/>
      <c r="AX95" s="127"/>
      <c r="AY95" s="127"/>
      <c r="AZ95" s="127"/>
      <c r="BA95" s="127"/>
      <c r="BB95" s="128"/>
      <c r="BC95" s="129"/>
      <c r="BD95" s="128"/>
      <c r="BE95" s="126" t="s">
        <v>94</v>
      </c>
      <c r="BF95" s="128"/>
      <c r="BG95" s="128"/>
      <c r="BH95" s="128"/>
      <c r="BI95" s="128"/>
      <c r="BJ95" s="128"/>
      <c r="BK95" s="128"/>
      <c r="BL95" s="128"/>
      <c r="BM95" s="128"/>
      <c r="BN95" s="128"/>
      <c r="BO95" s="128"/>
      <c r="BP95" s="128"/>
      <c r="BQ95" s="128"/>
      <c r="BR95" s="128"/>
      <c r="BS95" s="126" t="s">
        <v>95</v>
      </c>
      <c r="BT95" s="128"/>
      <c r="BU95" s="128"/>
      <c r="BV95" s="128"/>
      <c r="BW95" s="128"/>
      <c r="BX95" s="128"/>
      <c r="BY95" s="128"/>
      <c r="BZ95" s="128"/>
      <c r="CA95" s="128"/>
      <c r="CB95" s="128"/>
      <c r="CC95" s="128"/>
      <c r="CD95" s="126" t="s">
        <v>96</v>
      </c>
      <c r="CE95" s="128"/>
      <c r="CF95" s="128"/>
      <c r="CG95" s="130"/>
      <c r="CH95" s="130"/>
      <c r="CI95" s="130"/>
      <c r="CJ95" s="130"/>
      <c r="CK95" s="131"/>
      <c r="CL95" s="130"/>
      <c r="CM95" s="130"/>
      <c r="CN95" s="130"/>
      <c r="CO95" s="130"/>
      <c r="CP95" s="130"/>
      <c r="CQ95" s="132"/>
    </row>
    <row r="96" spans="1:95" s="36" customFormat="1" ht="11.25" customHeight="1" x14ac:dyDescent="0.2">
      <c r="A96" s="34"/>
      <c r="B96" s="34"/>
      <c r="C96" s="34"/>
      <c r="D96" s="34"/>
      <c r="E96" s="34"/>
      <c r="F96" s="34"/>
      <c r="G96" s="34"/>
      <c r="H96" s="34"/>
      <c r="I96" s="34"/>
      <c r="J96" s="34"/>
      <c r="K96" s="34"/>
      <c r="L96" s="34"/>
      <c r="M96" s="34"/>
      <c r="N96" s="34"/>
      <c r="O96" s="34"/>
      <c r="P96" s="34"/>
      <c r="Q96" s="34"/>
      <c r="R96" s="34"/>
      <c r="S96" s="34"/>
      <c r="T96" s="34"/>
      <c r="U96" s="34"/>
      <c r="V96" s="34"/>
      <c r="W96" s="34"/>
      <c r="X96" s="34"/>
      <c r="Y96" s="34"/>
      <c r="Z96" s="34"/>
      <c r="AA96" s="34"/>
      <c r="AB96" s="34"/>
      <c r="AC96" s="34"/>
      <c r="AD96" s="34"/>
      <c r="AE96" s="34"/>
      <c r="AF96" s="34"/>
      <c r="AG96" s="34"/>
      <c r="AH96" s="34"/>
      <c r="AI96" s="34"/>
      <c r="AJ96" s="34"/>
      <c r="AK96" s="34"/>
      <c r="AL96" s="34"/>
      <c r="AM96" s="34"/>
      <c r="AN96" s="34"/>
      <c r="AO96" s="34"/>
      <c r="AP96" s="34"/>
      <c r="AQ96" s="34"/>
      <c r="AR96" s="34"/>
      <c r="AS96" s="34"/>
      <c r="CA96" s="133"/>
      <c r="CB96" s="133"/>
      <c r="CC96" s="133"/>
      <c r="CD96" s="133"/>
      <c r="CE96" s="133"/>
      <c r="CF96" s="133"/>
      <c r="CG96" s="133"/>
      <c r="CH96" s="133"/>
      <c r="CI96" s="133"/>
      <c r="CJ96" s="133"/>
      <c r="CK96" s="133"/>
      <c r="CL96" s="133"/>
      <c r="CM96" s="133"/>
      <c r="CN96" s="133"/>
      <c r="CO96" s="133"/>
      <c r="CP96" s="133"/>
      <c r="CQ96" s="133"/>
    </row>
    <row r="97" spans="1:72" s="36" customFormat="1" ht="11.25" customHeight="1" x14ac:dyDescent="0.2">
      <c r="A97" s="34"/>
      <c r="B97" s="34"/>
      <c r="C97" s="34"/>
      <c r="D97" s="34"/>
      <c r="E97" s="34"/>
      <c r="F97" s="34"/>
      <c r="G97" s="34"/>
      <c r="H97" s="34"/>
      <c r="I97" s="34"/>
      <c r="J97" s="34"/>
      <c r="K97" s="34"/>
      <c r="L97" s="34"/>
      <c r="M97" s="34"/>
      <c r="N97" s="34"/>
      <c r="O97" s="34"/>
      <c r="P97" s="34"/>
      <c r="Q97" s="34"/>
      <c r="R97" s="34"/>
      <c r="S97" s="34"/>
      <c r="T97" s="34"/>
      <c r="U97" s="34"/>
      <c r="V97" s="34"/>
      <c r="W97" s="34"/>
      <c r="X97" s="34"/>
      <c r="Y97" s="34"/>
      <c r="Z97" s="34"/>
      <c r="AA97" s="34"/>
      <c r="AB97" s="34"/>
      <c r="AC97" s="34"/>
      <c r="AD97" s="34"/>
      <c r="AE97" s="34"/>
      <c r="AF97" s="34"/>
      <c r="AG97" s="34"/>
      <c r="AH97" s="34"/>
      <c r="AI97" s="34"/>
      <c r="AJ97" s="34"/>
      <c r="AK97" s="34"/>
      <c r="AL97" s="34"/>
      <c r="AM97" s="34"/>
      <c r="AN97" s="34"/>
      <c r="AO97" s="34"/>
      <c r="AP97" s="34"/>
      <c r="AQ97" s="34"/>
      <c r="AR97" s="34"/>
      <c r="AS97" s="34"/>
      <c r="AT97" s="34"/>
      <c r="AU97" s="34"/>
      <c r="AV97" s="34"/>
      <c r="AW97" s="34"/>
      <c r="AX97" s="34"/>
      <c r="AY97" s="34"/>
      <c r="AZ97" s="34"/>
      <c r="BA97" s="34"/>
      <c r="BB97" s="34"/>
      <c r="BC97" s="34"/>
      <c r="BD97" s="34"/>
      <c r="BE97" s="34"/>
      <c r="BF97" s="34"/>
      <c r="BG97" s="34"/>
      <c r="BH97" s="34"/>
      <c r="BI97" s="34"/>
      <c r="BJ97" s="34"/>
      <c r="BK97" s="34"/>
      <c r="BL97" s="34"/>
      <c r="BM97" s="34"/>
      <c r="BN97" s="34"/>
      <c r="BO97" s="34"/>
      <c r="BT97" s="37"/>
    </row>
    <row r="98" spans="1:72" s="36" customFormat="1" ht="11.25" customHeight="1" x14ac:dyDescent="0.2">
      <c r="A98" s="34"/>
      <c r="B98" s="34"/>
      <c r="C98" s="34"/>
      <c r="D98" s="34"/>
      <c r="E98" s="34"/>
      <c r="F98" s="34"/>
      <c r="G98" s="34"/>
      <c r="H98" s="34"/>
      <c r="I98" s="34"/>
      <c r="J98" s="34"/>
      <c r="K98" s="34"/>
      <c r="L98" s="34"/>
      <c r="M98" s="34"/>
      <c r="N98" s="34"/>
      <c r="O98" s="34"/>
      <c r="P98" s="34"/>
      <c r="Q98" s="34"/>
      <c r="R98" s="34"/>
      <c r="S98" s="34"/>
      <c r="T98" s="34"/>
      <c r="U98" s="34"/>
      <c r="V98" s="34"/>
      <c r="W98" s="34"/>
      <c r="X98" s="34"/>
      <c r="Y98" s="34"/>
      <c r="Z98" s="34"/>
      <c r="AA98" s="34"/>
      <c r="AB98" s="34"/>
      <c r="AC98" s="34"/>
      <c r="AD98" s="34"/>
      <c r="AE98" s="34"/>
      <c r="AF98" s="34"/>
      <c r="AG98" s="34"/>
      <c r="AH98" s="34"/>
      <c r="AI98" s="34"/>
      <c r="AJ98" s="34"/>
      <c r="AK98" s="34"/>
      <c r="AL98" s="34"/>
      <c r="AM98" s="34"/>
      <c r="AN98" s="34"/>
      <c r="AO98" s="34"/>
      <c r="AP98" s="34"/>
      <c r="AQ98" s="34"/>
      <c r="AR98" s="34"/>
      <c r="AS98" s="34"/>
      <c r="AT98" s="34"/>
      <c r="AU98" s="34"/>
      <c r="AV98" s="34"/>
      <c r="AW98" s="34"/>
      <c r="AX98" s="34"/>
      <c r="AY98" s="34"/>
      <c r="AZ98" s="34"/>
      <c r="BA98" s="34"/>
      <c r="BB98" s="34"/>
      <c r="BC98" s="34"/>
      <c r="BD98" s="34"/>
      <c r="BE98" s="34"/>
      <c r="BF98" s="34"/>
      <c r="BG98" s="34"/>
      <c r="BH98" s="34"/>
      <c r="BI98" s="34"/>
      <c r="BJ98" s="34"/>
      <c r="BK98" s="34"/>
      <c r="BL98" s="34"/>
      <c r="BM98" s="34"/>
      <c r="BN98" s="34"/>
      <c r="BO98" s="34"/>
      <c r="BT98" s="37"/>
    </row>
    <row r="99" spans="1:72" s="36" customFormat="1" ht="11.25" customHeight="1" x14ac:dyDescent="0.2">
      <c r="A99" s="34"/>
      <c r="B99" s="34"/>
      <c r="C99" s="34"/>
      <c r="D99" s="34"/>
      <c r="E99" s="34"/>
      <c r="F99" s="34"/>
      <c r="G99" s="34"/>
      <c r="H99" s="34"/>
      <c r="I99" s="34"/>
      <c r="J99" s="34"/>
      <c r="K99" s="34"/>
      <c r="L99" s="34"/>
      <c r="M99" s="34"/>
      <c r="N99" s="34"/>
      <c r="O99" s="34"/>
      <c r="P99" s="34"/>
      <c r="Q99" s="34"/>
      <c r="R99" s="34"/>
      <c r="S99" s="34"/>
      <c r="T99" s="34"/>
      <c r="U99" s="34"/>
      <c r="V99" s="34"/>
      <c r="W99" s="34"/>
      <c r="X99" s="34"/>
      <c r="Y99" s="34"/>
      <c r="Z99" s="34"/>
      <c r="AA99" s="34"/>
      <c r="AB99" s="34"/>
      <c r="AC99" s="34"/>
      <c r="AD99" s="34"/>
      <c r="AE99" s="34"/>
      <c r="AF99" s="34"/>
      <c r="AG99" s="34"/>
      <c r="AH99" s="34"/>
      <c r="AI99" s="34"/>
      <c r="AJ99" s="34"/>
      <c r="AK99" s="34"/>
      <c r="AL99" s="34"/>
      <c r="AM99" s="34"/>
      <c r="AN99" s="34"/>
      <c r="AO99" s="34"/>
      <c r="AP99" s="34"/>
      <c r="AQ99" s="34"/>
      <c r="AR99" s="34"/>
      <c r="AS99" s="34"/>
      <c r="AT99" s="34"/>
      <c r="AU99" s="34"/>
      <c r="AV99" s="34"/>
      <c r="AW99" s="34"/>
      <c r="AX99" s="34"/>
      <c r="AY99" s="34"/>
      <c r="AZ99" s="34"/>
      <c r="BA99" s="34"/>
      <c r="BB99" s="34"/>
      <c r="BC99" s="34"/>
      <c r="BD99" s="34"/>
      <c r="BE99" s="34"/>
      <c r="BF99" s="34"/>
      <c r="BG99" s="34"/>
      <c r="BH99" s="34"/>
      <c r="BI99" s="34"/>
      <c r="BJ99" s="34"/>
      <c r="BK99" s="34"/>
      <c r="BL99" s="34"/>
      <c r="BM99" s="34"/>
      <c r="BN99" s="34"/>
      <c r="BO99" s="34"/>
      <c r="BT99" s="37"/>
    </row>
    <row r="100" spans="1:72" s="36" customFormat="1" ht="11.25" customHeight="1" x14ac:dyDescent="0.2">
      <c r="A100" s="37"/>
      <c r="B100" s="37"/>
      <c r="C100" s="37"/>
      <c r="D100" s="37"/>
      <c r="E100" s="37"/>
      <c r="F100" s="37"/>
      <c r="G100" s="37"/>
      <c r="H100" s="37"/>
      <c r="I100" s="37"/>
      <c r="J100" s="37"/>
      <c r="K100" s="37"/>
      <c r="L100" s="37"/>
      <c r="M100" s="37"/>
      <c r="N100" s="37"/>
      <c r="O100" s="37"/>
      <c r="P100" s="37"/>
      <c r="Q100" s="37"/>
      <c r="R100" s="37"/>
      <c r="S100" s="37"/>
      <c r="T100" s="37"/>
      <c r="U100" s="37"/>
      <c r="V100" s="37"/>
      <c r="W100" s="37"/>
      <c r="X100" s="37"/>
      <c r="Y100" s="37"/>
      <c r="Z100" s="37"/>
      <c r="AA100" s="37"/>
      <c r="AB100" s="37"/>
      <c r="AC100" s="37"/>
      <c r="AD100" s="37"/>
      <c r="AE100" s="37"/>
      <c r="AF100" s="37"/>
      <c r="AG100" s="37"/>
      <c r="AH100" s="37"/>
      <c r="AI100" s="37"/>
      <c r="AJ100" s="37"/>
      <c r="AK100" s="37"/>
      <c r="AL100" s="37"/>
      <c r="AM100" s="37"/>
      <c r="AN100" s="37"/>
      <c r="AO100" s="37"/>
      <c r="AP100" s="37"/>
      <c r="AQ100" s="37"/>
      <c r="AR100" s="37"/>
      <c r="AS100" s="37"/>
      <c r="AT100" s="34"/>
      <c r="AU100" s="34"/>
      <c r="AV100" s="34"/>
      <c r="AW100" s="34"/>
      <c r="AX100" s="34"/>
      <c r="AY100" s="34"/>
      <c r="AZ100" s="34"/>
      <c r="BA100" s="34"/>
      <c r="BB100" s="34"/>
      <c r="BC100" s="34"/>
      <c r="BD100" s="34"/>
      <c r="BE100" s="34"/>
      <c r="BF100" s="34"/>
      <c r="BG100" s="34"/>
      <c r="BH100" s="34"/>
      <c r="BI100" s="34"/>
      <c r="BJ100" s="34"/>
      <c r="BK100" s="34"/>
      <c r="BL100" s="34"/>
      <c r="BM100" s="34"/>
      <c r="BN100" s="34"/>
      <c r="BO100" s="34"/>
      <c r="BT100" s="37"/>
    </row>
    <row r="101" spans="1:72" s="36" customFormat="1" ht="9.75" customHeight="1" x14ac:dyDescent="0.2">
      <c r="A101" s="37"/>
      <c r="B101" s="37"/>
      <c r="C101" s="37"/>
      <c r="D101" s="37"/>
      <c r="E101" s="37"/>
      <c r="F101" s="37"/>
      <c r="G101" s="37"/>
      <c r="H101" s="37"/>
      <c r="I101" s="37"/>
      <c r="J101" s="37"/>
      <c r="K101" s="37"/>
      <c r="L101" s="37"/>
      <c r="M101" s="37"/>
      <c r="N101" s="37"/>
      <c r="O101" s="37"/>
      <c r="P101" s="37"/>
      <c r="Q101" s="37"/>
      <c r="R101" s="37"/>
      <c r="S101" s="37"/>
      <c r="T101" s="37"/>
      <c r="U101" s="37"/>
      <c r="V101" s="37"/>
      <c r="W101" s="37"/>
      <c r="X101" s="37"/>
      <c r="Y101" s="37"/>
      <c r="Z101" s="37"/>
      <c r="AA101" s="37"/>
      <c r="AB101" s="37"/>
      <c r="AC101" s="37"/>
      <c r="AD101" s="37"/>
      <c r="AE101" s="37"/>
      <c r="AF101" s="37"/>
      <c r="AG101" s="37"/>
      <c r="AH101" s="37"/>
      <c r="AI101" s="37"/>
      <c r="AJ101" s="37"/>
      <c r="AK101" s="37"/>
      <c r="AL101" s="37"/>
      <c r="AM101" s="37"/>
      <c r="AN101" s="37"/>
      <c r="AO101" s="37"/>
      <c r="AP101" s="37"/>
      <c r="AQ101" s="37"/>
      <c r="AR101" s="37"/>
      <c r="AS101" s="37"/>
      <c r="AT101" s="37"/>
      <c r="AU101" s="37"/>
      <c r="AV101" s="37"/>
      <c r="AW101" s="37"/>
      <c r="AX101" s="37"/>
      <c r="AY101" s="37"/>
      <c r="AZ101" s="37"/>
      <c r="BA101" s="37"/>
      <c r="BB101" s="37"/>
      <c r="BC101" s="37"/>
      <c r="BD101" s="37"/>
      <c r="BE101" s="37"/>
      <c r="BF101" s="37"/>
      <c r="BG101" s="37"/>
      <c r="BH101" s="37"/>
      <c r="BI101" s="37"/>
      <c r="BJ101" s="37"/>
      <c r="BK101" s="37"/>
      <c r="BL101" s="37"/>
      <c r="BM101" s="37"/>
      <c r="BN101" s="37"/>
      <c r="BO101" s="37"/>
      <c r="BT101" s="37"/>
    </row>
    <row r="102" spans="1:72" s="36" customFormat="1" ht="13.5" customHeight="1" x14ac:dyDescent="0.2">
      <c r="A102" s="37"/>
      <c r="B102" s="37"/>
      <c r="C102" s="37"/>
      <c r="D102" s="37"/>
      <c r="E102" s="37"/>
      <c r="F102" s="37"/>
      <c r="G102" s="37"/>
      <c r="H102" s="37"/>
      <c r="I102" s="37"/>
      <c r="J102" s="37"/>
      <c r="K102" s="37"/>
      <c r="L102" s="37"/>
      <c r="M102" s="37"/>
      <c r="N102" s="37"/>
      <c r="O102" s="37"/>
      <c r="P102" s="37"/>
      <c r="Q102" s="37"/>
      <c r="R102" s="37"/>
      <c r="S102" s="37"/>
      <c r="T102" s="37"/>
      <c r="U102" s="37"/>
      <c r="V102" s="37"/>
      <c r="W102" s="37"/>
      <c r="X102" s="37"/>
      <c r="Y102" s="37"/>
      <c r="Z102" s="37"/>
      <c r="AA102" s="37"/>
      <c r="AB102" s="37"/>
      <c r="AC102" s="37"/>
      <c r="AD102" s="37"/>
      <c r="AE102" s="37"/>
      <c r="AF102" s="37"/>
      <c r="AG102" s="37"/>
      <c r="AH102" s="37"/>
      <c r="AI102" s="37"/>
      <c r="AJ102" s="37"/>
      <c r="AK102" s="37"/>
      <c r="AL102" s="37"/>
      <c r="AM102" s="37"/>
      <c r="AN102" s="37"/>
      <c r="AO102" s="37"/>
      <c r="AP102" s="37"/>
      <c r="AQ102" s="37"/>
      <c r="AR102" s="37"/>
      <c r="AS102" s="37"/>
      <c r="AT102" s="37"/>
      <c r="AU102" s="37"/>
      <c r="AV102" s="37"/>
      <c r="AW102" s="37"/>
      <c r="AX102" s="37"/>
      <c r="AY102" s="37"/>
      <c r="AZ102" s="37"/>
      <c r="BA102" s="37"/>
      <c r="BB102" s="37"/>
      <c r="BC102" s="37"/>
      <c r="BD102" s="37"/>
      <c r="BE102" s="37"/>
      <c r="BF102" s="37"/>
      <c r="BG102" s="37"/>
      <c r="BH102" s="37"/>
      <c r="BI102" s="37"/>
      <c r="BJ102" s="37"/>
      <c r="BK102" s="37"/>
      <c r="BL102" s="37"/>
      <c r="BM102" s="37"/>
      <c r="BN102" s="37"/>
      <c r="BO102" s="37"/>
      <c r="BT102" s="37"/>
    </row>
    <row r="103" spans="1:72" s="36" customFormat="1" ht="5.25" customHeight="1" x14ac:dyDescent="0.2">
      <c r="A103" s="37"/>
      <c r="B103" s="37"/>
      <c r="C103" s="37"/>
      <c r="D103" s="37"/>
      <c r="E103" s="37"/>
      <c r="F103" s="37"/>
      <c r="G103" s="37"/>
      <c r="H103" s="37"/>
      <c r="I103" s="37"/>
      <c r="J103" s="37"/>
      <c r="K103" s="37"/>
      <c r="L103" s="37"/>
      <c r="M103" s="37"/>
      <c r="N103" s="37"/>
      <c r="O103" s="37"/>
      <c r="P103" s="37"/>
      <c r="Q103" s="37"/>
      <c r="R103" s="37"/>
      <c r="S103" s="37"/>
      <c r="T103" s="37"/>
      <c r="U103" s="37"/>
      <c r="V103" s="37"/>
      <c r="W103" s="37"/>
      <c r="X103" s="37"/>
      <c r="Y103" s="37"/>
      <c r="Z103" s="37"/>
      <c r="AA103" s="37"/>
      <c r="AB103" s="37"/>
      <c r="AC103" s="37"/>
      <c r="AD103" s="37"/>
      <c r="AE103" s="37"/>
      <c r="AF103" s="37"/>
      <c r="AG103" s="37"/>
      <c r="AH103" s="37"/>
      <c r="AI103" s="37"/>
      <c r="AJ103" s="37"/>
      <c r="AK103" s="37"/>
      <c r="AL103" s="37"/>
      <c r="AM103" s="37"/>
      <c r="AN103" s="37"/>
      <c r="AO103" s="37"/>
      <c r="AP103" s="37"/>
      <c r="AQ103" s="37"/>
      <c r="AR103" s="37"/>
      <c r="AS103" s="37"/>
      <c r="AT103" s="37"/>
      <c r="AU103" s="37"/>
      <c r="AV103" s="37"/>
      <c r="AW103" s="37"/>
      <c r="AX103" s="37"/>
      <c r="AY103" s="37"/>
      <c r="AZ103" s="37"/>
      <c r="BA103" s="37"/>
      <c r="BB103" s="37"/>
      <c r="BC103" s="37"/>
      <c r="BD103" s="37"/>
      <c r="BE103" s="37"/>
      <c r="BF103" s="37"/>
      <c r="BG103" s="37"/>
      <c r="BH103" s="37"/>
      <c r="BI103" s="37"/>
      <c r="BJ103" s="37"/>
      <c r="BK103" s="37"/>
      <c r="BL103" s="37"/>
      <c r="BM103" s="37"/>
      <c r="BN103" s="37"/>
      <c r="BO103" s="37"/>
      <c r="BT103" s="37"/>
    </row>
    <row r="104" spans="1:72" s="36" customFormat="1" ht="6.75" customHeight="1" x14ac:dyDescent="0.2">
      <c r="A104" s="37"/>
      <c r="B104" s="37"/>
      <c r="C104" s="37"/>
      <c r="D104" s="37"/>
      <c r="E104" s="37"/>
      <c r="F104" s="37"/>
      <c r="G104" s="37"/>
      <c r="H104" s="37"/>
      <c r="I104" s="37"/>
      <c r="J104" s="37"/>
      <c r="K104" s="37"/>
      <c r="L104" s="37"/>
      <c r="M104" s="37"/>
      <c r="N104" s="37"/>
      <c r="O104" s="37"/>
      <c r="P104" s="37"/>
      <c r="Q104" s="37"/>
      <c r="R104" s="37"/>
      <c r="S104" s="37"/>
      <c r="T104" s="37"/>
      <c r="U104" s="37"/>
      <c r="V104" s="37"/>
      <c r="W104" s="37"/>
      <c r="X104" s="37"/>
      <c r="Y104" s="37"/>
      <c r="Z104" s="37"/>
      <c r="AA104" s="37"/>
      <c r="AB104" s="37"/>
      <c r="AC104" s="37"/>
      <c r="AD104" s="37"/>
      <c r="AE104" s="37"/>
      <c r="AF104" s="37"/>
      <c r="AG104" s="37"/>
      <c r="AH104" s="37"/>
      <c r="AI104" s="37"/>
      <c r="AJ104" s="37"/>
      <c r="AK104" s="37"/>
      <c r="AL104" s="37"/>
      <c r="AM104" s="37"/>
      <c r="AN104" s="37"/>
      <c r="AO104" s="37"/>
      <c r="AP104" s="37"/>
      <c r="AQ104" s="37"/>
      <c r="AR104" s="37"/>
      <c r="AS104" s="37"/>
      <c r="AT104" s="37"/>
      <c r="AU104" s="37"/>
      <c r="AV104" s="37"/>
      <c r="AW104" s="37"/>
      <c r="AX104" s="37"/>
      <c r="AY104" s="37"/>
      <c r="AZ104" s="37"/>
      <c r="BA104" s="37"/>
      <c r="BB104" s="37"/>
      <c r="BC104" s="37"/>
      <c r="BD104" s="37"/>
      <c r="BE104" s="37"/>
      <c r="BF104" s="37"/>
      <c r="BG104" s="37"/>
      <c r="BH104" s="37"/>
      <c r="BI104" s="37"/>
      <c r="BJ104" s="37"/>
      <c r="BK104" s="37"/>
      <c r="BL104" s="37"/>
      <c r="BM104" s="37"/>
      <c r="BN104" s="37"/>
      <c r="BO104" s="37"/>
      <c r="BT104" s="37"/>
    </row>
    <row r="105" spans="1:72" s="36" customFormat="1" ht="6.75" customHeight="1" x14ac:dyDescent="0.2">
      <c r="A105" s="37"/>
      <c r="B105" s="37"/>
      <c r="C105" s="37"/>
      <c r="D105" s="37"/>
      <c r="E105" s="37"/>
      <c r="F105" s="37"/>
      <c r="G105" s="37"/>
      <c r="H105" s="37"/>
      <c r="I105" s="37"/>
      <c r="J105" s="37"/>
      <c r="K105" s="37"/>
      <c r="L105" s="37"/>
      <c r="M105" s="37"/>
      <c r="N105" s="37"/>
      <c r="O105" s="37"/>
      <c r="P105" s="37"/>
      <c r="Q105" s="37"/>
      <c r="R105" s="37"/>
      <c r="S105" s="37"/>
      <c r="T105" s="37"/>
      <c r="U105" s="37"/>
      <c r="V105" s="37"/>
      <c r="W105" s="37"/>
      <c r="X105" s="37"/>
      <c r="Y105" s="37"/>
      <c r="Z105" s="37"/>
      <c r="AA105" s="37"/>
      <c r="AB105" s="37"/>
      <c r="AC105" s="37"/>
      <c r="AD105" s="37"/>
      <c r="AE105" s="37"/>
      <c r="AF105" s="37"/>
      <c r="AG105" s="37"/>
      <c r="AH105" s="37"/>
      <c r="AI105" s="37"/>
      <c r="AJ105" s="37"/>
      <c r="AK105" s="37"/>
      <c r="AL105" s="37"/>
      <c r="AM105" s="37"/>
      <c r="AN105" s="37"/>
      <c r="AO105" s="37"/>
      <c r="AP105" s="37"/>
      <c r="AQ105" s="37"/>
      <c r="AR105" s="37"/>
      <c r="AS105" s="37"/>
      <c r="AT105" s="37"/>
      <c r="AU105" s="37"/>
      <c r="AV105" s="37"/>
      <c r="AW105" s="37"/>
      <c r="AX105" s="37"/>
      <c r="AY105" s="37"/>
      <c r="AZ105" s="37"/>
      <c r="BA105" s="37"/>
      <c r="BB105" s="37"/>
      <c r="BC105" s="37"/>
      <c r="BD105" s="37"/>
      <c r="BE105" s="37"/>
      <c r="BF105" s="37"/>
      <c r="BG105" s="37"/>
      <c r="BH105" s="37"/>
      <c r="BI105" s="37"/>
      <c r="BJ105" s="37"/>
      <c r="BK105" s="37"/>
      <c r="BL105" s="37"/>
      <c r="BM105" s="37"/>
      <c r="BN105" s="37"/>
      <c r="BO105" s="37"/>
      <c r="BT105" s="37"/>
    </row>
    <row r="106" spans="1:72" s="36" customFormat="1" ht="6.75" customHeight="1" x14ac:dyDescent="0.2">
      <c r="A106" s="37"/>
      <c r="B106" s="37"/>
      <c r="C106" s="37"/>
      <c r="D106" s="37"/>
      <c r="E106" s="37"/>
      <c r="F106" s="37"/>
      <c r="G106" s="37"/>
      <c r="H106" s="37"/>
      <c r="I106" s="37"/>
      <c r="J106" s="37"/>
      <c r="K106" s="37"/>
      <c r="L106" s="37"/>
      <c r="M106" s="37"/>
      <c r="N106" s="37"/>
      <c r="O106" s="37"/>
      <c r="P106" s="37"/>
      <c r="Q106" s="37"/>
      <c r="R106" s="37"/>
      <c r="S106" s="37"/>
      <c r="T106" s="37"/>
      <c r="U106" s="37"/>
      <c r="V106" s="37"/>
      <c r="W106" s="37"/>
      <c r="X106" s="37"/>
      <c r="Y106" s="37"/>
      <c r="Z106" s="37"/>
      <c r="AA106" s="37"/>
      <c r="AB106" s="37"/>
      <c r="AC106" s="37"/>
      <c r="AD106" s="37"/>
      <c r="AE106" s="37"/>
      <c r="AF106" s="37"/>
      <c r="AG106" s="37"/>
      <c r="AH106" s="37"/>
      <c r="AI106" s="37"/>
      <c r="AJ106" s="37"/>
      <c r="AK106" s="37"/>
      <c r="AL106" s="37"/>
      <c r="AM106" s="37"/>
      <c r="AN106" s="37"/>
      <c r="AO106" s="37"/>
      <c r="AP106" s="37"/>
      <c r="AQ106" s="37"/>
      <c r="AR106" s="37"/>
      <c r="AS106" s="37"/>
      <c r="AT106" s="37"/>
      <c r="AU106" s="37"/>
      <c r="AV106" s="37"/>
      <c r="AW106" s="37"/>
      <c r="AX106" s="37"/>
      <c r="AY106" s="37"/>
      <c r="AZ106" s="37"/>
      <c r="BA106" s="37"/>
      <c r="BB106" s="37"/>
      <c r="BC106" s="37"/>
      <c r="BD106" s="37"/>
      <c r="BE106" s="37"/>
      <c r="BF106" s="37"/>
      <c r="BG106" s="37"/>
      <c r="BH106" s="37"/>
      <c r="BI106" s="37"/>
      <c r="BJ106" s="37"/>
      <c r="BK106" s="37"/>
      <c r="BL106" s="37"/>
      <c r="BM106" s="37"/>
      <c r="BN106" s="37"/>
      <c r="BO106" s="37"/>
      <c r="BT106" s="37"/>
    </row>
    <row r="107" spans="1:72" s="36" customFormat="1" ht="5.25" customHeight="1" x14ac:dyDescent="0.2">
      <c r="A107" s="37"/>
      <c r="B107" s="37"/>
      <c r="C107" s="37"/>
      <c r="D107" s="37"/>
      <c r="E107" s="37"/>
      <c r="F107" s="37"/>
      <c r="G107" s="37"/>
      <c r="H107" s="37"/>
      <c r="I107" s="37"/>
      <c r="J107" s="37"/>
      <c r="K107" s="37"/>
      <c r="L107" s="37"/>
      <c r="M107" s="37"/>
      <c r="N107" s="37"/>
      <c r="O107" s="37"/>
      <c r="P107" s="37"/>
      <c r="Q107" s="37"/>
      <c r="R107" s="37"/>
      <c r="S107" s="37"/>
      <c r="T107" s="37"/>
      <c r="U107" s="37"/>
      <c r="V107" s="37"/>
      <c r="W107" s="37"/>
      <c r="X107" s="37"/>
      <c r="Y107" s="37"/>
      <c r="Z107" s="37"/>
      <c r="AA107" s="37"/>
      <c r="AB107" s="37"/>
      <c r="AC107" s="37"/>
      <c r="AD107" s="37"/>
      <c r="AE107" s="37"/>
      <c r="AF107" s="37"/>
      <c r="AG107" s="37"/>
      <c r="AH107" s="37"/>
      <c r="AI107" s="37"/>
      <c r="AJ107" s="37"/>
      <c r="AK107" s="37"/>
      <c r="AL107" s="37"/>
      <c r="AM107" s="37"/>
      <c r="AN107" s="37"/>
      <c r="AO107" s="37"/>
      <c r="AP107" s="37"/>
      <c r="AQ107" s="37"/>
      <c r="AR107" s="37"/>
      <c r="AS107" s="37"/>
      <c r="AT107" s="37"/>
      <c r="AU107" s="37"/>
      <c r="AV107" s="37"/>
      <c r="AW107" s="37"/>
      <c r="AX107" s="37"/>
      <c r="AY107" s="37"/>
      <c r="AZ107" s="37"/>
      <c r="BA107" s="37"/>
      <c r="BB107" s="37"/>
      <c r="BC107" s="37"/>
      <c r="BD107" s="37"/>
      <c r="BE107" s="37"/>
      <c r="BF107" s="37"/>
      <c r="BG107" s="37"/>
      <c r="BH107" s="37"/>
      <c r="BI107" s="37"/>
      <c r="BJ107" s="37"/>
      <c r="BK107" s="37"/>
      <c r="BL107" s="37"/>
      <c r="BM107" s="37"/>
      <c r="BN107" s="37"/>
      <c r="BO107" s="37"/>
      <c r="BP107" s="37"/>
      <c r="BQ107" s="37"/>
      <c r="BR107" s="37"/>
      <c r="BS107" s="37"/>
      <c r="BT107" s="37"/>
    </row>
    <row r="108" spans="1:72" s="36" customFormat="1" ht="10" customHeight="1" x14ac:dyDescent="0.2">
      <c r="A108" s="37"/>
      <c r="B108" s="37"/>
      <c r="C108" s="37"/>
      <c r="D108" s="37"/>
      <c r="E108" s="37"/>
      <c r="F108" s="37"/>
      <c r="G108" s="37"/>
      <c r="H108" s="37"/>
      <c r="I108" s="37"/>
      <c r="J108" s="37"/>
      <c r="K108" s="37"/>
      <c r="L108" s="37"/>
      <c r="M108" s="37"/>
      <c r="N108" s="37"/>
      <c r="O108" s="37"/>
      <c r="P108" s="37"/>
      <c r="Q108" s="37"/>
      <c r="R108" s="37"/>
      <c r="S108" s="37"/>
      <c r="T108" s="37"/>
      <c r="U108" s="37"/>
      <c r="V108" s="37"/>
      <c r="W108" s="37"/>
      <c r="X108" s="37"/>
      <c r="Y108" s="37"/>
      <c r="Z108" s="37"/>
      <c r="AA108" s="37"/>
      <c r="AB108" s="37"/>
      <c r="AC108" s="37"/>
      <c r="AD108" s="37"/>
      <c r="AE108" s="37"/>
      <c r="AF108" s="37"/>
      <c r="AG108" s="37"/>
      <c r="AH108" s="37"/>
      <c r="AI108" s="37"/>
      <c r="AJ108" s="37"/>
      <c r="AK108" s="37"/>
      <c r="AL108" s="37"/>
      <c r="AM108" s="37"/>
      <c r="AN108" s="37"/>
      <c r="AO108" s="37"/>
      <c r="AP108" s="37"/>
      <c r="AQ108" s="37"/>
      <c r="AR108" s="37"/>
      <c r="AS108" s="37"/>
      <c r="AT108" s="37"/>
      <c r="AU108" s="37"/>
      <c r="AV108" s="37"/>
      <c r="AW108" s="37"/>
      <c r="AX108" s="37"/>
      <c r="AY108" s="37"/>
      <c r="AZ108" s="37"/>
      <c r="BA108" s="37"/>
      <c r="BB108" s="37"/>
      <c r="BC108" s="37"/>
      <c r="BD108" s="37"/>
      <c r="BE108" s="37"/>
      <c r="BF108" s="37"/>
      <c r="BG108" s="37"/>
      <c r="BH108" s="37"/>
      <c r="BI108" s="37"/>
      <c r="BJ108" s="37"/>
      <c r="BK108" s="37"/>
      <c r="BL108" s="37"/>
      <c r="BM108" s="37"/>
      <c r="BN108" s="37"/>
      <c r="BO108" s="37"/>
      <c r="BP108" s="37"/>
      <c r="BQ108" s="37"/>
      <c r="BR108" s="37"/>
      <c r="BS108" s="37"/>
      <c r="BT108" s="37"/>
    </row>
    <row r="109" spans="1:72" s="36" customFormat="1" ht="10" customHeight="1" x14ac:dyDescent="0.2">
      <c r="A109" s="37"/>
      <c r="B109" s="37"/>
      <c r="C109" s="37"/>
      <c r="D109" s="37"/>
      <c r="E109" s="37"/>
      <c r="F109" s="37"/>
      <c r="G109" s="37"/>
      <c r="H109" s="37"/>
      <c r="I109" s="37"/>
      <c r="J109" s="37"/>
      <c r="K109" s="37"/>
      <c r="L109" s="37"/>
      <c r="M109" s="37"/>
      <c r="N109" s="37"/>
      <c r="O109" s="37"/>
      <c r="P109" s="37"/>
      <c r="Q109" s="37"/>
      <c r="R109" s="37"/>
      <c r="S109" s="37"/>
      <c r="T109" s="37"/>
      <c r="U109" s="37"/>
      <c r="V109" s="37"/>
      <c r="W109" s="37"/>
      <c r="X109" s="37"/>
      <c r="Y109" s="37"/>
      <c r="Z109" s="37"/>
      <c r="AA109" s="37"/>
      <c r="AB109" s="37"/>
      <c r="AC109" s="37"/>
      <c r="AD109" s="37"/>
      <c r="AE109" s="37"/>
      <c r="AF109" s="37"/>
      <c r="AG109" s="37"/>
      <c r="AH109" s="37"/>
      <c r="AI109" s="37"/>
      <c r="AJ109" s="37"/>
      <c r="AK109" s="37"/>
      <c r="AL109" s="37"/>
      <c r="AM109" s="37"/>
      <c r="AN109" s="37"/>
      <c r="AO109" s="37"/>
      <c r="AP109" s="37"/>
      <c r="AQ109" s="37"/>
      <c r="AR109" s="37"/>
      <c r="AS109" s="37"/>
      <c r="AT109" s="37"/>
      <c r="AU109" s="37"/>
      <c r="AV109" s="37"/>
      <c r="AW109" s="37"/>
      <c r="AX109" s="37"/>
      <c r="AY109" s="37"/>
      <c r="AZ109" s="37"/>
      <c r="BA109" s="37"/>
      <c r="BB109" s="37"/>
      <c r="BC109" s="37"/>
      <c r="BD109" s="37"/>
      <c r="BE109" s="37"/>
      <c r="BF109" s="37"/>
      <c r="BG109" s="37"/>
      <c r="BH109" s="37"/>
      <c r="BI109" s="37"/>
      <c r="BJ109" s="37"/>
      <c r="BK109" s="37"/>
      <c r="BL109" s="37"/>
      <c r="BM109" s="37"/>
      <c r="BN109" s="37"/>
      <c r="BO109" s="37"/>
      <c r="BP109" s="37"/>
      <c r="BQ109" s="37"/>
      <c r="BR109" s="37"/>
      <c r="BS109" s="37"/>
      <c r="BT109" s="37"/>
    </row>
    <row r="110" spans="1:72" s="36" customFormat="1" ht="10" customHeight="1" x14ac:dyDescent="0.2">
      <c r="A110" s="37"/>
      <c r="B110" s="37"/>
      <c r="C110" s="37"/>
      <c r="D110" s="37"/>
      <c r="E110" s="37"/>
      <c r="F110" s="37"/>
      <c r="G110" s="37"/>
      <c r="H110" s="37"/>
      <c r="I110" s="37"/>
      <c r="J110" s="37"/>
      <c r="K110" s="37"/>
      <c r="L110" s="37"/>
      <c r="M110" s="37"/>
      <c r="N110" s="37"/>
      <c r="O110" s="37"/>
      <c r="P110" s="37"/>
      <c r="Q110" s="37"/>
      <c r="R110" s="37"/>
      <c r="S110" s="37"/>
      <c r="T110" s="37"/>
      <c r="U110" s="37"/>
      <c r="V110" s="37"/>
      <c r="W110" s="37"/>
      <c r="X110" s="37"/>
      <c r="Y110" s="37"/>
      <c r="Z110" s="37"/>
      <c r="AA110" s="37"/>
      <c r="AB110" s="37"/>
      <c r="AC110" s="37"/>
      <c r="AD110" s="37"/>
      <c r="AE110" s="37"/>
      <c r="AF110" s="37"/>
      <c r="AG110" s="37"/>
      <c r="AH110" s="37"/>
      <c r="AI110" s="37"/>
      <c r="AJ110" s="37"/>
      <c r="AK110" s="37"/>
      <c r="AL110" s="37"/>
      <c r="AM110" s="37"/>
      <c r="AN110" s="37"/>
      <c r="AO110" s="37"/>
      <c r="AP110" s="37"/>
      <c r="AQ110" s="37"/>
      <c r="AR110" s="37"/>
      <c r="AS110" s="37"/>
      <c r="AT110" s="37"/>
      <c r="AU110" s="37"/>
      <c r="AV110" s="37"/>
      <c r="AW110" s="37"/>
      <c r="AX110" s="37"/>
      <c r="AY110" s="37"/>
      <c r="AZ110" s="37"/>
      <c r="BA110" s="37"/>
      <c r="BB110" s="37"/>
      <c r="BC110" s="37"/>
      <c r="BD110" s="37"/>
      <c r="BE110" s="37"/>
      <c r="BF110" s="37"/>
      <c r="BG110" s="37"/>
      <c r="BH110" s="37"/>
      <c r="BI110" s="37"/>
      <c r="BJ110" s="37"/>
      <c r="BK110" s="37"/>
      <c r="BL110" s="37"/>
      <c r="BM110" s="37"/>
      <c r="BN110" s="37"/>
      <c r="BO110" s="37"/>
      <c r="BP110" s="37"/>
      <c r="BQ110" s="37"/>
      <c r="BR110" s="37"/>
      <c r="BS110" s="37"/>
      <c r="BT110" s="37"/>
    </row>
    <row r="111" spans="1:72" s="36" customFormat="1" ht="10" customHeight="1" x14ac:dyDescent="0.2">
      <c r="A111" s="37"/>
      <c r="B111" s="37"/>
      <c r="C111" s="37"/>
      <c r="D111" s="37"/>
      <c r="E111" s="37"/>
      <c r="F111" s="37"/>
      <c r="G111" s="37"/>
      <c r="H111" s="37"/>
      <c r="I111" s="37"/>
      <c r="J111" s="37"/>
      <c r="K111" s="37"/>
      <c r="L111" s="37"/>
      <c r="M111" s="37"/>
      <c r="N111" s="37"/>
      <c r="O111" s="37"/>
      <c r="P111" s="37"/>
      <c r="Q111" s="37"/>
      <c r="R111" s="37"/>
      <c r="S111" s="37"/>
      <c r="T111" s="37"/>
      <c r="U111" s="37"/>
      <c r="V111" s="37"/>
      <c r="W111" s="37"/>
      <c r="X111" s="37"/>
      <c r="Y111" s="37"/>
      <c r="Z111" s="37"/>
      <c r="AA111" s="37"/>
      <c r="AB111" s="37"/>
      <c r="AC111" s="37"/>
      <c r="AD111" s="37"/>
      <c r="AE111" s="37"/>
      <c r="AF111" s="37"/>
      <c r="AG111" s="37"/>
      <c r="AH111" s="37"/>
      <c r="AI111" s="37"/>
      <c r="AJ111" s="37"/>
      <c r="AK111" s="37"/>
      <c r="AL111" s="37"/>
      <c r="AM111" s="37"/>
      <c r="AN111" s="37"/>
      <c r="AO111" s="37"/>
      <c r="AP111" s="37"/>
      <c r="AQ111" s="37"/>
      <c r="AR111" s="37"/>
      <c r="AS111" s="37"/>
      <c r="AT111" s="37"/>
      <c r="AU111" s="37"/>
      <c r="AV111" s="37"/>
      <c r="AW111" s="37"/>
      <c r="AX111" s="37"/>
      <c r="AY111" s="37"/>
      <c r="AZ111" s="37"/>
      <c r="BA111" s="37"/>
      <c r="BB111" s="37"/>
      <c r="BC111" s="37"/>
      <c r="BD111" s="37"/>
      <c r="BE111" s="37"/>
      <c r="BF111" s="37"/>
      <c r="BG111" s="37"/>
      <c r="BH111" s="37"/>
      <c r="BI111" s="37"/>
      <c r="BJ111" s="37"/>
      <c r="BK111" s="37"/>
      <c r="BL111" s="37"/>
      <c r="BM111" s="37"/>
      <c r="BN111" s="37"/>
      <c r="BO111" s="37"/>
      <c r="BP111" s="37"/>
      <c r="BQ111" s="37"/>
      <c r="BR111" s="37"/>
      <c r="BS111" s="37"/>
      <c r="BT111" s="37"/>
    </row>
    <row r="112" spans="1:72" s="36" customFormat="1" ht="10" customHeight="1" x14ac:dyDescent="0.2">
      <c r="A112" s="37"/>
      <c r="B112" s="37"/>
      <c r="C112" s="37"/>
      <c r="D112" s="37"/>
      <c r="E112" s="37"/>
      <c r="F112" s="37"/>
      <c r="G112" s="37"/>
      <c r="H112" s="37"/>
      <c r="I112" s="37"/>
      <c r="J112" s="37"/>
      <c r="K112" s="37"/>
      <c r="L112" s="37"/>
      <c r="M112" s="37"/>
      <c r="N112" s="37"/>
      <c r="O112" s="37"/>
      <c r="P112" s="37"/>
      <c r="Q112" s="37"/>
      <c r="R112" s="37"/>
      <c r="S112" s="37"/>
      <c r="T112" s="37"/>
      <c r="U112" s="37"/>
      <c r="V112" s="37"/>
      <c r="W112" s="37"/>
      <c r="X112" s="37"/>
      <c r="Y112" s="37"/>
      <c r="Z112" s="37"/>
      <c r="AA112" s="37"/>
      <c r="AB112" s="37"/>
      <c r="AC112" s="37"/>
      <c r="AD112" s="37"/>
      <c r="AE112" s="37"/>
      <c r="AF112" s="37"/>
      <c r="AG112" s="37"/>
      <c r="AH112" s="37"/>
      <c r="AI112" s="37"/>
      <c r="AJ112" s="37"/>
      <c r="AK112" s="37"/>
      <c r="AL112" s="37"/>
      <c r="AM112" s="37"/>
      <c r="AN112" s="37"/>
      <c r="AO112" s="37"/>
      <c r="AP112" s="37"/>
      <c r="AQ112" s="37"/>
      <c r="AR112" s="37"/>
      <c r="AS112" s="37"/>
      <c r="AT112" s="37"/>
      <c r="AU112" s="37"/>
      <c r="AV112" s="37"/>
      <c r="AW112" s="37"/>
      <c r="AX112" s="37"/>
      <c r="AY112" s="37"/>
      <c r="AZ112" s="37"/>
      <c r="BA112" s="37"/>
      <c r="BB112" s="37"/>
      <c r="BC112" s="37"/>
      <c r="BD112" s="37"/>
      <c r="BE112" s="37"/>
      <c r="BF112" s="37"/>
      <c r="BG112" s="37"/>
      <c r="BH112" s="37"/>
      <c r="BI112" s="37"/>
      <c r="BJ112" s="37"/>
      <c r="BK112" s="37"/>
      <c r="BL112" s="37"/>
      <c r="BM112" s="37"/>
      <c r="BN112" s="37"/>
      <c r="BO112" s="37"/>
      <c r="BP112" s="37"/>
      <c r="BQ112" s="37"/>
      <c r="BR112" s="37"/>
      <c r="BS112" s="37"/>
      <c r="BT112" s="37"/>
    </row>
    <row r="113" spans="1:95" s="36" customFormat="1" ht="10" customHeight="1" x14ac:dyDescent="0.2">
      <c r="A113" s="37"/>
      <c r="B113" s="37"/>
      <c r="C113" s="37"/>
      <c r="D113" s="37"/>
      <c r="E113" s="37"/>
      <c r="F113" s="37"/>
      <c r="G113" s="37"/>
      <c r="H113" s="37"/>
      <c r="I113" s="37"/>
      <c r="J113" s="37"/>
      <c r="K113" s="37"/>
      <c r="L113" s="37"/>
      <c r="M113" s="37"/>
      <c r="N113" s="37"/>
      <c r="O113" s="37"/>
      <c r="P113" s="37"/>
      <c r="Q113" s="37"/>
      <c r="R113" s="37"/>
      <c r="S113" s="37"/>
      <c r="T113" s="37"/>
      <c r="U113" s="37"/>
      <c r="V113" s="37"/>
      <c r="W113" s="37"/>
      <c r="X113" s="37"/>
      <c r="Y113" s="37"/>
      <c r="Z113" s="37"/>
      <c r="AA113" s="37"/>
      <c r="AB113" s="37"/>
      <c r="AC113" s="37"/>
      <c r="AD113" s="37"/>
      <c r="AE113" s="37"/>
      <c r="AF113" s="37"/>
      <c r="AG113" s="37"/>
      <c r="AH113" s="37"/>
      <c r="AI113" s="37"/>
      <c r="AJ113" s="37"/>
      <c r="AK113" s="37"/>
      <c r="AL113" s="37"/>
      <c r="AM113" s="37"/>
      <c r="AN113" s="37"/>
      <c r="AO113" s="37"/>
      <c r="AP113" s="37"/>
      <c r="AQ113" s="37"/>
      <c r="AR113" s="37"/>
      <c r="AS113" s="37"/>
      <c r="AT113" s="37"/>
      <c r="AU113" s="37"/>
      <c r="AV113" s="37"/>
      <c r="AW113" s="37"/>
      <c r="AX113" s="37"/>
      <c r="AY113" s="37"/>
      <c r="AZ113" s="37"/>
      <c r="BA113" s="37"/>
      <c r="BB113" s="37"/>
      <c r="BC113" s="37"/>
      <c r="BD113" s="37"/>
      <c r="BE113" s="37"/>
      <c r="BF113" s="37"/>
      <c r="BG113" s="37"/>
      <c r="BH113" s="37"/>
      <c r="BI113" s="37"/>
      <c r="BJ113" s="37"/>
      <c r="BK113" s="37"/>
      <c r="BL113" s="37"/>
      <c r="BM113" s="37"/>
      <c r="BN113" s="37"/>
      <c r="BO113" s="37"/>
      <c r="BP113" s="37"/>
      <c r="BQ113" s="37"/>
      <c r="BR113" s="37"/>
      <c r="BS113" s="37"/>
      <c r="BT113" s="37"/>
    </row>
    <row r="114" spans="1:95" s="36" customFormat="1" ht="10" customHeight="1" x14ac:dyDescent="0.2">
      <c r="A114" s="37"/>
      <c r="B114" s="37"/>
      <c r="C114" s="37"/>
      <c r="D114" s="37"/>
      <c r="E114" s="37"/>
      <c r="F114" s="37"/>
      <c r="G114" s="37"/>
      <c r="H114" s="37"/>
      <c r="I114" s="37"/>
      <c r="J114" s="37"/>
      <c r="K114" s="37"/>
      <c r="L114" s="37"/>
      <c r="M114" s="37"/>
      <c r="N114" s="37"/>
      <c r="O114" s="37"/>
      <c r="P114" s="37"/>
      <c r="Q114" s="37"/>
      <c r="R114" s="37"/>
      <c r="S114" s="37"/>
      <c r="T114" s="37"/>
      <c r="U114" s="37"/>
      <c r="V114" s="37"/>
      <c r="W114" s="37"/>
      <c r="X114" s="37"/>
      <c r="Y114" s="37"/>
      <c r="Z114" s="37"/>
      <c r="AA114" s="37"/>
      <c r="AB114" s="37"/>
      <c r="AC114" s="37"/>
      <c r="AD114" s="37"/>
      <c r="AE114" s="37"/>
      <c r="AF114" s="37"/>
      <c r="AG114" s="37"/>
      <c r="AH114" s="37"/>
      <c r="AI114" s="37"/>
      <c r="AJ114" s="37"/>
      <c r="AK114" s="37"/>
      <c r="AL114" s="37"/>
      <c r="AM114" s="37"/>
      <c r="AN114" s="37"/>
      <c r="AO114" s="37"/>
      <c r="AP114" s="37"/>
      <c r="AQ114" s="37"/>
      <c r="AR114" s="37"/>
      <c r="AS114" s="37"/>
      <c r="AT114" s="37"/>
      <c r="AU114" s="37"/>
      <c r="AV114" s="37"/>
      <c r="AW114" s="37"/>
      <c r="AX114" s="37"/>
      <c r="AY114" s="37"/>
      <c r="AZ114" s="37"/>
      <c r="BA114" s="37"/>
      <c r="BB114" s="37"/>
      <c r="BC114" s="37"/>
      <c r="BD114" s="37"/>
      <c r="BE114" s="37"/>
      <c r="BF114" s="37"/>
      <c r="BG114" s="37"/>
      <c r="BH114" s="37"/>
      <c r="BI114" s="37"/>
      <c r="BJ114" s="37"/>
      <c r="BK114" s="37"/>
      <c r="BL114" s="37"/>
      <c r="BM114" s="37"/>
      <c r="BN114" s="37"/>
      <c r="BO114" s="37"/>
      <c r="BP114" s="37"/>
      <c r="BQ114" s="37"/>
      <c r="BR114" s="37"/>
      <c r="BS114" s="37"/>
      <c r="BT114" s="37"/>
    </row>
    <row r="115" spans="1:95" s="36" customFormat="1" ht="9.75" customHeight="1" x14ac:dyDescent="0.2">
      <c r="A115" s="37"/>
      <c r="B115" s="37"/>
      <c r="C115" s="37"/>
      <c r="D115" s="37"/>
      <c r="E115" s="37"/>
      <c r="F115" s="37"/>
      <c r="G115" s="37"/>
      <c r="H115" s="37"/>
      <c r="I115" s="37"/>
      <c r="J115" s="37"/>
      <c r="K115" s="37"/>
      <c r="L115" s="37"/>
      <c r="M115" s="37"/>
      <c r="N115" s="37"/>
      <c r="O115" s="37"/>
      <c r="P115" s="37"/>
      <c r="Q115" s="37"/>
      <c r="R115" s="37"/>
      <c r="S115" s="37"/>
      <c r="T115" s="37"/>
      <c r="U115" s="37"/>
      <c r="V115" s="37"/>
      <c r="W115" s="37"/>
      <c r="X115" s="37"/>
      <c r="Y115" s="37"/>
      <c r="Z115" s="37"/>
      <c r="AA115" s="37"/>
      <c r="AB115" s="37"/>
      <c r="AC115" s="37"/>
      <c r="AD115" s="37"/>
      <c r="AE115" s="37"/>
      <c r="AF115" s="37"/>
      <c r="AG115" s="37"/>
      <c r="AH115" s="37"/>
      <c r="AI115" s="37"/>
      <c r="AJ115" s="37"/>
      <c r="AK115" s="37"/>
      <c r="AL115" s="37"/>
      <c r="AM115" s="37"/>
      <c r="AN115" s="37"/>
      <c r="AO115" s="37"/>
      <c r="AP115" s="37"/>
      <c r="AQ115" s="37"/>
      <c r="AR115" s="37"/>
      <c r="AS115" s="37"/>
      <c r="AT115" s="37"/>
      <c r="AU115" s="37"/>
      <c r="AV115" s="37"/>
      <c r="AW115" s="37"/>
      <c r="AX115" s="37"/>
      <c r="AY115" s="37"/>
      <c r="AZ115" s="37"/>
      <c r="BA115" s="37"/>
      <c r="BB115" s="37"/>
      <c r="BC115" s="37"/>
      <c r="BD115" s="37"/>
      <c r="BE115" s="37"/>
      <c r="BF115" s="37"/>
      <c r="BG115" s="37"/>
      <c r="BH115" s="37"/>
      <c r="BI115" s="37"/>
      <c r="BJ115" s="37"/>
      <c r="BK115" s="37"/>
      <c r="BL115" s="37"/>
      <c r="BM115" s="37"/>
      <c r="BN115" s="37"/>
      <c r="BO115" s="37"/>
      <c r="BP115" s="37"/>
      <c r="BQ115" s="37"/>
      <c r="BR115" s="37"/>
      <c r="BS115" s="37"/>
      <c r="BT115" s="37"/>
    </row>
    <row r="116" spans="1:95" s="36" customFormat="1" ht="9" customHeight="1" x14ac:dyDescent="0.2">
      <c r="A116" s="37"/>
      <c r="B116" s="37"/>
      <c r="C116" s="37"/>
      <c r="D116" s="37"/>
      <c r="E116" s="37"/>
      <c r="F116" s="37"/>
      <c r="G116" s="37"/>
      <c r="H116" s="37"/>
      <c r="I116" s="37"/>
      <c r="J116" s="37"/>
      <c r="K116" s="37"/>
      <c r="L116" s="37"/>
      <c r="M116" s="37"/>
      <c r="N116" s="37"/>
      <c r="O116" s="37"/>
      <c r="P116" s="37"/>
      <c r="Q116" s="37"/>
      <c r="R116" s="37"/>
      <c r="S116" s="37"/>
      <c r="T116" s="37"/>
      <c r="U116" s="37"/>
      <c r="V116" s="37"/>
      <c r="W116" s="37"/>
      <c r="X116" s="37"/>
      <c r="Y116" s="37"/>
      <c r="Z116" s="37"/>
      <c r="AA116" s="37"/>
      <c r="AB116" s="37"/>
      <c r="AC116" s="37"/>
      <c r="AD116" s="37"/>
      <c r="AE116" s="37"/>
      <c r="AF116" s="37"/>
      <c r="AG116" s="37"/>
      <c r="AH116" s="37"/>
      <c r="AI116" s="37"/>
      <c r="AJ116" s="37"/>
      <c r="AK116" s="37"/>
      <c r="AL116" s="37"/>
      <c r="AM116" s="37"/>
      <c r="AN116" s="37"/>
      <c r="AO116" s="37"/>
      <c r="AP116" s="37"/>
      <c r="AQ116" s="37"/>
      <c r="AR116" s="37"/>
      <c r="AS116" s="37"/>
      <c r="AT116" s="37"/>
      <c r="AU116" s="37"/>
      <c r="AV116" s="37"/>
      <c r="AW116" s="37"/>
      <c r="AX116" s="37"/>
      <c r="AY116" s="37"/>
      <c r="AZ116" s="37"/>
      <c r="BA116" s="37"/>
      <c r="BB116" s="37"/>
      <c r="BC116" s="37"/>
      <c r="BD116" s="37"/>
      <c r="BE116" s="37"/>
      <c r="BF116" s="37"/>
      <c r="BG116" s="37"/>
      <c r="BH116" s="37"/>
      <c r="BI116" s="37"/>
      <c r="BJ116" s="37"/>
      <c r="BK116" s="37"/>
      <c r="BL116" s="37"/>
      <c r="BM116" s="37"/>
      <c r="BN116" s="37"/>
      <c r="BO116" s="37"/>
      <c r="BP116" s="37"/>
      <c r="BQ116" s="37"/>
      <c r="BR116" s="37"/>
      <c r="BS116" s="37"/>
      <c r="BT116" s="37"/>
    </row>
    <row r="117" spans="1:95" s="36" customFormat="1" ht="9.75" customHeight="1" x14ac:dyDescent="0.2">
      <c r="A117" s="37"/>
      <c r="B117" s="37"/>
      <c r="C117" s="37"/>
      <c r="D117" s="37"/>
      <c r="E117" s="37"/>
      <c r="F117" s="37"/>
      <c r="G117" s="37"/>
      <c r="H117" s="37"/>
      <c r="I117" s="37"/>
      <c r="J117" s="37"/>
      <c r="K117" s="37"/>
      <c r="L117" s="37"/>
      <c r="M117" s="37"/>
      <c r="N117" s="37"/>
      <c r="O117" s="37"/>
      <c r="P117" s="37"/>
      <c r="Q117" s="37"/>
      <c r="R117" s="37"/>
      <c r="S117" s="37"/>
      <c r="T117" s="37"/>
      <c r="U117" s="37"/>
      <c r="V117" s="37"/>
      <c r="W117" s="37"/>
      <c r="X117" s="37"/>
      <c r="Y117" s="37"/>
      <c r="Z117" s="37"/>
      <c r="AA117" s="37"/>
      <c r="AB117" s="37"/>
      <c r="AC117" s="37"/>
      <c r="AD117" s="37"/>
      <c r="AE117" s="37"/>
      <c r="AF117" s="37"/>
      <c r="AG117" s="37"/>
      <c r="AH117" s="37"/>
      <c r="AI117" s="37"/>
      <c r="AJ117" s="37"/>
      <c r="AK117" s="37"/>
      <c r="AL117" s="37"/>
      <c r="AM117" s="37"/>
      <c r="AN117" s="37"/>
      <c r="AO117" s="37"/>
      <c r="AP117" s="37"/>
      <c r="AQ117" s="37"/>
      <c r="AR117" s="37"/>
      <c r="AS117" s="37"/>
      <c r="AT117" s="37"/>
      <c r="AU117" s="37"/>
      <c r="AV117" s="37"/>
      <c r="AW117" s="37"/>
      <c r="AX117" s="37"/>
      <c r="AY117" s="37"/>
      <c r="AZ117" s="37"/>
      <c r="BA117" s="37"/>
      <c r="BB117" s="37"/>
      <c r="BC117" s="37"/>
      <c r="BD117" s="37"/>
      <c r="BE117" s="37"/>
      <c r="BF117" s="37"/>
      <c r="BG117" s="37"/>
      <c r="BH117" s="37"/>
      <c r="BI117" s="37"/>
      <c r="BJ117" s="37"/>
      <c r="BK117" s="37"/>
      <c r="BL117" s="37"/>
      <c r="BM117" s="37"/>
      <c r="BN117" s="37"/>
      <c r="BO117" s="37"/>
      <c r="BP117" s="37"/>
      <c r="BQ117" s="37"/>
      <c r="BR117" s="37"/>
      <c r="BS117" s="37"/>
      <c r="BT117" s="37"/>
    </row>
    <row r="118" spans="1:95" s="36" customFormat="1" ht="9.75" customHeight="1" x14ac:dyDescent="0.2">
      <c r="A118" s="37"/>
      <c r="B118" s="37"/>
      <c r="C118" s="37"/>
      <c r="D118" s="37"/>
      <c r="E118" s="37"/>
      <c r="F118" s="37"/>
      <c r="G118" s="37"/>
      <c r="H118" s="37"/>
      <c r="I118" s="37"/>
      <c r="J118" s="37"/>
      <c r="K118" s="37"/>
      <c r="L118" s="37"/>
      <c r="M118" s="37"/>
      <c r="N118" s="37"/>
      <c r="O118" s="37"/>
      <c r="P118" s="37"/>
      <c r="Q118" s="37"/>
      <c r="R118" s="37"/>
      <c r="S118" s="37"/>
      <c r="T118" s="37"/>
      <c r="U118" s="37"/>
      <c r="V118" s="37"/>
      <c r="W118" s="37"/>
      <c r="X118" s="37"/>
      <c r="Y118" s="37"/>
      <c r="Z118" s="37"/>
      <c r="AA118" s="37"/>
      <c r="AB118" s="37"/>
      <c r="AC118" s="37"/>
      <c r="AD118" s="37"/>
      <c r="AE118" s="37"/>
      <c r="AF118" s="37"/>
      <c r="AG118" s="37"/>
      <c r="AH118" s="37"/>
      <c r="AI118" s="37"/>
      <c r="AJ118" s="37"/>
      <c r="AK118" s="37"/>
      <c r="AL118" s="37"/>
      <c r="AM118" s="37"/>
      <c r="AN118" s="37"/>
      <c r="AO118" s="37"/>
      <c r="AP118" s="37"/>
      <c r="AQ118" s="37"/>
      <c r="AR118" s="37"/>
      <c r="AS118" s="37"/>
      <c r="AT118" s="37"/>
      <c r="AU118" s="37"/>
      <c r="AV118" s="37"/>
      <c r="AW118" s="37"/>
      <c r="AX118" s="37"/>
      <c r="AY118" s="37"/>
      <c r="AZ118" s="37"/>
      <c r="BA118" s="37"/>
      <c r="BB118" s="37"/>
      <c r="BC118" s="37"/>
      <c r="BD118" s="37"/>
      <c r="BE118" s="37"/>
      <c r="BF118" s="37"/>
      <c r="BG118" s="37"/>
      <c r="BH118" s="37"/>
      <c r="BI118" s="37"/>
      <c r="BJ118" s="37"/>
      <c r="BK118" s="37"/>
      <c r="BL118" s="37"/>
      <c r="BM118" s="37"/>
      <c r="BN118" s="37"/>
      <c r="BO118" s="37"/>
      <c r="BP118" s="37"/>
      <c r="BQ118" s="37"/>
      <c r="BR118" s="37"/>
      <c r="BS118" s="37"/>
      <c r="BT118" s="37"/>
    </row>
    <row r="119" spans="1:95" s="37" customFormat="1" ht="9.75" customHeight="1" x14ac:dyDescent="0.2">
      <c r="BU119" s="36"/>
      <c r="BV119" s="36"/>
      <c r="BW119" s="36"/>
      <c r="BX119" s="36"/>
      <c r="BY119" s="36"/>
      <c r="BZ119" s="36"/>
      <c r="CA119" s="36"/>
      <c r="CB119" s="36"/>
      <c r="CC119" s="36"/>
      <c r="CD119" s="36"/>
      <c r="CE119" s="36"/>
      <c r="CF119" s="36"/>
      <c r="CG119" s="36"/>
      <c r="CH119" s="36"/>
      <c r="CI119" s="36"/>
      <c r="CJ119" s="36"/>
      <c r="CK119" s="36"/>
      <c r="CL119" s="36"/>
      <c r="CM119" s="36"/>
      <c r="CN119" s="36"/>
      <c r="CO119" s="36"/>
      <c r="CP119" s="36"/>
      <c r="CQ119" s="36"/>
    </row>
    <row r="120" spans="1:95" s="37" customFormat="1" ht="5.25" customHeight="1" x14ac:dyDescent="0.55000000000000004"/>
    <row r="121" spans="1:95" s="37" customFormat="1" ht="6.75" customHeight="1" x14ac:dyDescent="0.55000000000000004"/>
    <row r="122" spans="1:95" s="37" customFormat="1" ht="6.75" customHeight="1" x14ac:dyDescent="0.55000000000000004"/>
    <row r="123" spans="1:95" s="37" customFormat="1" ht="6.75" customHeight="1" x14ac:dyDescent="0.55000000000000004"/>
    <row r="124" spans="1:95" s="37" customFormat="1" ht="9" customHeight="1" x14ac:dyDescent="0.55000000000000004"/>
    <row r="125" spans="1:95" s="37" customFormat="1" ht="9" customHeight="1" x14ac:dyDescent="0.55000000000000004"/>
    <row r="126" spans="1:95" s="37" customFormat="1" ht="13.5" customHeight="1" x14ac:dyDescent="0.55000000000000004"/>
    <row r="127" spans="1:95" s="37" customFormat="1" ht="5.25" customHeight="1" x14ac:dyDescent="0.55000000000000004"/>
    <row r="128" spans="1:95" s="37" customFormat="1" ht="11.25" customHeight="1" x14ac:dyDescent="0.55000000000000004"/>
    <row r="129" s="37" customFormat="1" ht="11.25" customHeight="1" x14ac:dyDescent="0.55000000000000004"/>
    <row r="130" s="37" customFormat="1" ht="11.25" customHeight="1" x14ac:dyDescent="0.55000000000000004"/>
    <row r="131" s="37" customFormat="1" ht="11.25" customHeight="1" x14ac:dyDescent="0.55000000000000004"/>
    <row r="132" s="37" customFormat="1" ht="11.25" customHeight="1" x14ac:dyDescent="0.55000000000000004"/>
    <row r="133" s="37" customFormat="1" ht="11.25" customHeight="1" x14ac:dyDescent="0.55000000000000004"/>
    <row r="134" s="37" customFormat="1" ht="9.75" customHeight="1" x14ac:dyDescent="0.55000000000000004"/>
    <row r="135" s="37" customFormat="1" ht="10" customHeight="1" x14ac:dyDescent="0.55000000000000004"/>
    <row r="136" s="37" customFormat="1" ht="10" customHeight="1" x14ac:dyDescent="0.55000000000000004"/>
    <row r="137" s="37" customFormat="1" ht="10" customHeight="1" x14ac:dyDescent="0.55000000000000004"/>
    <row r="138" s="37" customFormat="1" ht="10" customHeight="1" x14ac:dyDescent="0.55000000000000004"/>
    <row r="139" s="37" customFormat="1" ht="10" customHeight="1" x14ac:dyDescent="0.55000000000000004"/>
    <row r="140" s="37" customFormat="1" ht="10.5" customHeight="1" x14ac:dyDescent="0.55000000000000004"/>
    <row r="141" s="37" customFormat="1" ht="10.5" customHeight="1" x14ac:dyDescent="0.55000000000000004"/>
    <row r="142" s="37" customFormat="1" ht="10.5" customHeight="1" x14ac:dyDescent="0.55000000000000004"/>
    <row r="143" s="37" customFormat="1" ht="10.5" customHeight="1" x14ac:dyDescent="0.55000000000000004"/>
    <row r="144" s="37" customFormat="1" ht="10.5" customHeight="1" x14ac:dyDescent="0.55000000000000004"/>
    <row r="145" spans="72:72" s="37" customFormat="1" ht="10.5" customHeight="1" x14ac:dyDescent="0.55000000000000004"/>
    <row r="146" spans="72:72" s="37" customFormat="1" ht="10.5" customHeight="1" x14ac:dyDescent="0.55000000000000004"/>
    <row r="147" spans="72:72" s="37" customFormat="1" ht="10.5" customHeight="1" x14ac:dyDescent="0.55000000000000004">
      <c r="BT147" s="1"/>
    </row>
    <row r="148" spans="72:72" s="37" customFormat="1" ht="10.5" customHeight="1" x14ac:dyDescent="0.55000000000000004">
      <c r="BT148" s="1"/>
    </row>
    <row r="149" spans="72:72" s="37" customFormat="1" ht="10.5" customHeight="1" x14ac:dyDescent="0.55000000000000004">
      <c r="BT149" s="1"/>
    </row>
    <row r="150" spans="72:72" s="37" customFormat="1" ht="10.5" customHeight="1" x14ac:dyDescent="0.55000000000000004">
      <c r="BT150" s="1"/>
    </row>
    <row r="151" spans="72:72" s="37" customFormat="1" ht="10.5" customHeight="1" x14ac:dyDescent="0.55000000000000004">
      <c r="BT151" s="1"/>
    </row>
    <row r="152" spans="72:72" s="37" customFormat="1" ht="9.75" customHeight="1" x14ac:dyDescent="0.55000000000000004">
      <c r="BT152" s="1"/>
    </row>
    <row r="153" spans="72:72" s="37" customFormat="1" ht="9.75" customHeight="1" x14ac:dyDescent="0.55000000000000004">
      <c r="BT153" s="1"/>
    </row>
    <row r="154" spans="72:72" s="37" customFormat="1" ht="9.75" customHeight="1" x14ac:dyDescent="0.55000000000000004">
      <c r="BT154" s="1"/>
    </row>
    <row r="155" spans="72:72" s="37" customFormat="1" ht="9.75" customHeight="1" x14ac:dyDescent="0.55000000000000004">
      <c r="BT155" s="1"/>
    </row>
    <row r="156" spans="72:72" s="37" customFormat="1" ht="9.75" customHeight="1" x14ac:dyDescent="0.55000000000000004">
      <c r="BT156" s="1"/>
    </row>
    <row r="157" spans="72:72" s="37" customFormat="1" ht="9.75" customHeight="1" x14ac:dyDescent="0.55000000000000004">
      <c r="BT157" s="1"/>
    </row>
    <row r="158" spans="72:72" s="37" customFormat="1" ht="7.5" customHeight="1" x14ac:dyDescent="0.55000000000000004">
      <c r="BT158" s="1"/>
    </row>
    <row r="159" spans="72:72" s="37" customFormat="1" ht="7.5" customHeight="1" x14ac:dyDescent="0.55000000000000004">
      <c r="BT159" s="1"/>
    </row>
    <row r="160" spans="72:72" s="37" customFormat="1" ht="7.5" customHeight="1" x14ac:dyDescent="0.55000000000000004">
      <c r="BT160" s="1"/>
    </row>
    <row r="161" spans="72:72" s="37" customFormat="1" ht="7.5" customHeight="1" x14ac:dyDescent="0.55000000000000004">
      <c r="BT161" s="1"/>
    </row>
    <row r="162" spans="72:72" s="37" customFormat="1" ht="7.5" customHeight="1" x14ac:dyDescent="0.55000000000000004">
      <c r="BT162" s="1"/>
    </row>
    <row r="163" spans="72:72" s="37" customFormat="1" ht="7.5" customHeight="1" x14ac:dyDescent="0.55000000000000004">
      <c r="BT163" s="1"/>
    </row>
    <row r="164" spans="72:72" s="37" customFormat="1" ht="7.5" customHeight="1" x14ac:dyDescent="0.55000000000000004">
      <c r="BT164" s="1"/>
    </row>
    <row r="165" spans="72:72" s="37" customFormat="1" ht="7.5" customHeight="1" x14ac:dyDescent="0.55000000000000004">
      <c r="BT165" s="1"/>
    </row>
    <row r="166" spans="72:72" s="37" customFormat="1" ht="7.5" customHeight="1" x14ac:dyDescent="0.55000000000000004">
      <c r="BT166" s="1"/>
    </row>
    <row r="167" spans="72:72" s="37" customFormat="1" ht="7.5" customHeight="1" x14ac:dyDescent="0.55000000000000004">
      <c r="BT167" s="1"/>
    </row>
    <row r="168" spans="72:72" s="37" customFormat="1" ht="7.5" customHeight="1" x14ac:dyDescent="0.55000000000000004">
      <c r="BT168" s="1"/>
    </row>
    <row r="169" spans="72:72" s="37" customFormat="1" ht="7.5" customHeight="1" x14ac:dyDescent="0.55000000000000004">
      <c r="BT169" s="1"/>
    </row>
    <row r="170" spans="72:72" s="37" customFormat="1" ht="7.5" customHeight="1" x14ac:dyDescent="0.55000000000000004">
      <c r="BT170" s="1"/>
    </row>
    <row r="171" spans="72:72" s="37" customFormat="1" ht="7.5" customHeight="1" x14ac:dyDescent="0.55000000000000004">
      <c r="BT171" s="1"/>
    </row>
    <row r="172" spans="72:72" s="37" customFormat="1" ht="7.5" customHeight="1" x14ac:dyDescent="0.55000000000000004">
      <c r="BT172" s="1"/>
    </row>
    <row r="173" spans="72:72" s="37" customFormat="1" ht="7.5" customHeight="1" x14ac:dyDescent="0.55000000000000004">
      <c r="BT173" s="1"/>
    </row>
    <row r="174" spans="72:72" s="37" customFormat="1" ht="7.5" customHeight="1" x14ac:dyDescent="0.55000000000000004">
      <c r="BT174" s="1"/>
    </row>
    <row r="175" spans="72:72" s="37" customFormat="1" ht="7.5" customHeight="1" x14ac:dyDescent="0.55000000000000004">
      <c r="BT175" s="1"/>
    </row>
    <row r="176" spans="72:72" s="37" customFormat="1" ht="7.5" customHeight="1" x14ac:dyDescent="0.55000000000000004">
      <c r="BT176" s="1"/>
    </row>
    <row r="177" spans="72:72" s="37" customFormat="1" ht="7.5" customHeight="1" x14ac:dyDescent="0.55000000000000004">
      <c r="BT177" s="1"/>
    </row>
    <row r="178" spans="72:72" s="37" customFormat="1" ht="7.5" customHeight="1" x14ac:dyDescent="0.55000000000000004">
      <c r="BT178" s="1"/>
    </row>
    <row r="179" spans="72:72" s="37" customFormat="1" ht="7.5" customHeight="1" x14ac:dyDescent="0.55000000000000004">
      <c r="BT179" s="1"/>
    </row>
    <row r="180" spans="72:72" s="37" customFormat="1" ht="7.5" customHeight="1" x14ac:dyDescent="0.55000000000000004">
      <c r="BT180" s="1"/>
    </row>
    <row r="181" spans="72:72" s="37" customFormat="1" ht="7.5" customHeight="1" x14ac:dyDescent="0.55000000000000004">
      <c r="BT181" s="1"/>
    </row>
    <row r="182" spans="72:72" s="37" customFormat="1" ht="7.5" customHeight="1" x14ac:dyDescent="0.55000000000000004">
      <c r="BT182" s="1"/>
    </row>
    <row r="183" spans="72:72" s="37" customFormat="1" ht="7.5" customHeight="1" x14ac:dyDescent="0.55000000000000004">
      <c r="BT183" s="1"/>
    </row>
    <row r="184" spans="72:72" s="37" customFormat="1" ht="7.5" customHeight="1" x14ac:dyDescent="0.55000000000000004">
      <c r="BT184" s="1"/>
    </row>
    <row r="185" spans="72:72" s="37" customFormat="1" ht="7.5" customHeight="1" x14ac:dyDescent="0.55000000000000004">
      <c r="BT185" s="1"/>
    </row>
    <row r="186" spans="72:72" s="37" customFormat="1" ht="7.5" customHeight="1" x14ac:dyDescent="0.55000000000000004">
      <c r="BT186" s="1"/>
    </row>
    <row r="187" spans="72:72" s="37" customFormat="1" ht="7.5" customHeight="1" x14ac:dyDescent="0.55000000000000004">
      <c r="BT187" s="1"/>
    </row>
    <row r="188" spans="72:72" s="37" customFormat="1" ht="7.5" customHeight="1" x14ac:dyDescent="0.55000000000000004">
      <c r="BT188" s="1"/>
    </row>
    <row r="189" spans="72:72" s="37" customFormat="1" ht="7.5" customHeight="1" x14ac:dyDescent="0.55000000000000004">
      <c r="BT189" s="1"/>
    </row>
    <row r="190" spans="72:72" s="37" customFormat="1" ht="7.5" customHeight="1" x14ac:dyDescent="0.55000000000000004">
      <c r="BT190" s="1"/>
    </row>
    <row r="191" spans="72:72" s="37" customFormat="1" ht="7.5" customHeight="1" x14ac:dyDescent="0.55000000000000004">
      <c r="BT191" s="1"/>
    </row>
    <row r="192" spans="72:72" s="37" customFormat="1" ht="7.5" customHeight="1" x14ac:dyDescent="0.55000000000000004">
      <c r="BT192" s="1"/>
    </row>
    <row r="193" spans="1:72" s="37" customFormat="1" ht="7.5" customHeight="1" x14ac:dyDescent="0.55000000000000004">
      <c r="BT193" s="1"/>
    </row>
    <row r="194" spans="1:72" s="37" customFormat="1" ht="7.5" customHeight="1" x14ac:dyDescent="0.55000000000000004">
      <c r="BT194" s="1"/>
    </row>
    <row r="195" spans="1:72" s="37" customFormat="1" ht="7.5" customHeight="1" x14ac:dyDescent="0.55000000000000004">
      <c r="BT195" s="1"/>
    </row>
    <row r="196" spans="1:72" s="37" customFormat="1" ht="7.5" customHeight="1" x14ac:dyDescent="0.55000000000000004">
      <c r="BT196" s="1"/>
    </row>
    <row r="197" spans="1:72" s="37" customFormat="1" ht="7.5" customHeight="1" x14ac:dyDescent="0.55000000000000004">
      <c r="K197" s="1"/>
      <c r="L197" s="1"/>
      <c r="M197" s="1"/>
      <c r="N197" s="1"/>
      <c r="O197" s="1"/>
      <c r="P197" s="1"/>
      <c r="Q197" s="1"/>
      <c r="R197" s="1"/>
      <c r="S197" s="1"/>
      <c r="T197" s="1"/>
      <c r="U197" s="1"/>
      <c r="V197" s="1"/>
      <c r="W197" s="1"/>
      <c r="X197" s="1"/>
      <c r="BT197" s="1"/>
    </row>
    <row r="198" spans="1:72" s="37" customFormat="1" ht="7.5" customHeight="1" x14ac:dyDescent="0.55000000000000004">
      <c r="K198" s="1"/>
      <c r="L198" s="1"/>
      <c r="M198" s="1"/>
      <c r="N198" s="1"/>
      <c r="O198" s="1"/>
      <c r="P198" s="1"/>
      <c r="Q198" s="1"/>
      <c r="R198" s="1"/>
      <c r="S198" s="1"/>
      <c r="T198" s="1"/>
      <c r="U198" s="1"/>
      <c r="V198" s="1"/>
      <c r="W198" s="1"/>
      <c r="X198" s="1"/>
      <c r="BT198" s="1"/>
    </row>
    <row r="199" spans="1:72" s="37" customFormat="1" ht="7.5" customHeight="1" x14ac:dyDescent="0.55000000000000004">
      <c r="A199" s="1"/>
      <c r="B199" s="1"/>
      <c r="C199" s="1"/>
      <c r="D199" s="1"/>
      <c r="E199" s="1"/>
      <c r="F199" s="1"/>
      <c r="G199" s="1"/>
      <c r="H199" s="1"/>
      <c r="I199" s="1"/>
      <c r="J199" s="1"/>
      <c r="K199" s="1"/>
      <c r="L199" s="1"/>
      <c r="M199" s="1"/>
      <c r="N199" s="1"/>
      <c r="O199" s="1"/>
      <c r="P199" s="1"/>
      <c r="Q199" s="1"/>
      <c r="R199" s="1"/>
      <c r="S199" s="1"/>
      <c r="T199" s="1"/>
      <c r="U199" s="1"/>
      <c r="V199" s="1"/>
      <c r="W199" s="1"/>
      <c r="X199" s="1"/>
      <c r="Y199" s="1"/>
      <c r="Z199" s="1"/>
      <c r="AA199" s="1"/>
      <c r="AB199" s="1"/>
      <c r="AC199" s="1"/>
      <c r="AD199" s="1"/>
      <c r="AE199" s="1"/>
      <c r="AF199" s="1"/>
      <c r="AG199" s="1"/>
      <c r="AH199" s="1"/>
      <c r="AI199" s="1"/>
      <c r="AJ199" s="1"/>
      <c r="AK199" s="1"/>
      <c r="AL199" s="1"/>
      <c r="AM199" s="1"/>
      <c r="AN199" s="1"/>
      <c r="AO199" s="1"/>
      <c r="AP199" s="1"/>
      <c r="AQ199" s="1"/>
      <c r="AR199" s="1"/>
      <c r="AS199" s="1"/>
      <c r="BT199" s="1"/>
    </row>
    <row r="200" spans="1:72" s="37" customFormat="1" ht="7.5" customHeight="1" x14ac:dyDescent="0.55000000000000004">
      <c r="A200" s="1"/>
      <c r="B200" s="1"/>
      <c r="C200" s="1"/>
      <c r="D200" s="1"/>
      <c r="E200" s="1"/>
      <c r="F200" s="1"/>
      <c r="G200" s="1"/>
      <c r="H200" s="1"/>
      <c r="I200" s="1"/>
      <c r="J200" s="1"/>
      <c r="K200" s="1"/>
      <c r="L200" s="1"/>
      <c r="M200" s="1"/>
      <c r="N200" s="1"/>
      <c r="O200" s="1"/>
      <c r="P200" s="1"/>
      <c r="Q200" s="1"/>
      <c r="R200" s="1"/>
      <c r="S200" s="1"/>
      <c r="T200" s="1"/>
      <c r="U200" s="1"/>
      <c r="V200" s="1"/>
      <c r="W200" s="1"/>
      <c r="X200" s="1"/>
      <c r="Y200" s="1"/>
      <c r="Z200" s="1"/>
      <c r="AA200" s="1"/>
      <c r="AB200" s="1"/>
      <c r="AC200" s="1"/>
      <c r="AD200" s="1"/>
      <c r="AE200" s="1"/>
      <c r="AF200" s="1"/>
      <c r="AG200" s="1"/>
      <c r="AH200" s="1"/>
      <c r="AI200" s="1"/>
      <c r="AJ200" s="1"/>
      <c r="AK200" s="1"/>
      <c r="AL200" s="1"/>
      <c r="AM200" s="1"/>
      <c r="AN200" s="1"/>
      <c r="AO200" s="1"/>
      <c r="AP200" s="1"/>
      <c r="AQ200" s="1"/>
      <c r="AR200" s="1"/>
      <c r="AS200" s="1"/>
      <c r="AT200" s="1"/>
      <c r="AU200" s="1"/>
      <c r="AV200" s="1"/>
      <c r="AW200" s="1"/>
      <c r="AX200" s="1"/>
      <c r="AY200" s="1"/>
      <c r="AZ200" s="1"/>
      <c r="BA200" s="1"/>
      <c r="BB200" s="1"/>
      <c r="BC200" s="1"/>
      <c r="BD200" s="1"/>
      <c r="BE200" s="1"/>
      <c r="BF200" s="1"/>
      <c r="BG200" s="1"/>
      <c r="BH200" s="1"/>
      <c r="BI200" s="1"/>
      <c r="BJ200" s="1"/>
      <c r="BK200" s="1"/>
      <c r="BL200" s="1"/>
      <c r="BM200" s="1"/>
      <c r="BN200" s="1"/>
      <c r="BO200" s="1"/>
      <c r="BP200" s="1"/>
      <c r="BQ200" s="1"/>
      <c r="BR200" s="1"/>
      <c r="BS200" s="1"/>
      <c r="BT200" s="1"/>
    </row>
    <row r="201" spans="1:72" s="37" customFormat="1" ht="7.5" customHeight="1" x14ac:dyDescent="0.55000000000000004">
      <c r="A201" s="1"/>
      <c r="B201" s="1"/>
      <c r="C201" s="1"/>
      <c r="D201" s="1"/>
      <c r="E201" s="1"/>
      <c r="F201" s="1"/>
      <c r="G201" s="1"/>
      <c r="H201" s="1"/>
      <c r="I201" s="1"/>
      <c r="J201" s="1"/>
      <c r="K201" s="1"/>
      <c r="L201" s="1"/>
      <c r="M201" s="1"/>
      <c r="N201" s="1"/>
      <c r="O201" s="1"/>
      <c r="P201" s="1"/>
      <c r="Q201" s="1"/>
      <c r="R201" s="1"/>
      <c r="S201" s="1"/>
      <c r="T201" s="1"/>
      <c r="U201" s="1"/>
      <c r="V201" s="1"/>
      <c r="W201" s="1"/>
      <c r="X201" s="1"/>
      <c r="Y201" s="1"/>
      <c r="Z201" s="1"/>
      <c r="AA201" s="1"/>
      <c r="AB201" s="1"/>
      <c r="AC201" s="1"/>
      <c r="AD201" s="1"/>
      <c r="AE201" s="1"/>
      <c r="AF201" s="1"/>
      <c r="AG201" s="1"/>
      <c r="AH201" s="1"/>
      <c r="AI201" s="1"/>
      <c r="AJ201" s="1"/>
      <c r="AK201" s="1"/>
      <c r="AL201" s="1"/>
      <c r="AM201" s="1"/>
      <c r="AN201" s="1"/>
      <c r="AO201" s="1"/>
      <c r="AP201" s="1"/>
      <c r="AQ201" s="1"/>
      <c r="AR201" s="1"/>
      <c r="AS201" s="1"/>
      <c r="AT201" s="1"/>
      <c r="AU201" s="1"/>
      <c r="AV201" s="1"/>
      <c r="AW201" s="1"/>
      <c r="AX201" s="1"/>
      <c r="AY201" s="1"/>
      <c r="AZ201" s="1"/>
      <c r="BA201" s="1"/>
      <c r="BB201" s="1"/>
      <c r="BC201" s="1"/>
      <c r="BD201" s="1"/>
      <c r="BE201" s="1"/>
      <c r="BF201" s="1"/>
      <c r="BG201" s="1"/>
      <c r="BH201" s="1"/>
      <c r="BI201" s="1"/>
      <c r="BJ201" s="1"/>
      <c r="BK201" s="1"/>
      <c r="BL201" s="1"/>
      <c r="BM201" s="1"/>
      <c r="BN201" s="1"/>
      <c r="BO201" s="1"/>
      <c r="BP201" s="1"/>
      <c r="BQ201" s="1"/>
      <c r="BR201" s="1"/>
      <c r="BS201" s="1"/>
      <c r="BT201" s="1"/>
    </row>
    <row r="202" spans="1:72" s="37" customFormat="1" ht="7.5" customHeight="1" x14ac:dyDescent="0.55000000000000004">
      <c r="A202" s="1"/>
      <c r="B202" s="1"/>
      <c r="C202" s="1"/>
      <c r="D202" s="1"/>
      <c r="E202" s="1"/>
      <c r="F202" s="1"/>
      <c r="G202" s="1"/>
      <c r="H202" s="1"/>
      <c r="I202" s="1"/>
      <c r="J202" s="1"/>
      <c r="K202" s="1"/>
      <c r="L202" s="1"/>
      <c r="M202" s="1"/>
      <c r="N202" s="1"/>
      <c r="O202" s="1"/>
      <c r="P202" s="1"/>
      <c r="Q202" s="1"/>
      <c r="R202" s="1"/>
      <c r="S202" s="1"/>
      <c r="T202" s="1"/>
      <c r="U202" s="1"/>
      <c r="V202" s="1"/>
      <c r="W202" s="1"/>
      <c r="X202" s="1"/>
      <c r="Y202" s="1"/>
      <c r="Z202" s="1"/>
      <c r="AA202" s="1"/>
      <c r="AB202" s="1"/>
      <c r="AC202" s="1"/>
      <c r="AD202" s="1"/>
      <c r="AE202" s="1"/>
      <c r="AF202" s="1"/>
      <c r="AG202" s="1"/>
      <c r="AH202" s="1"/>
      <c r="AI202" s="1"/>
      <c r="AJ202" s="1"/>
      <c r="AK202" s="1"/>
      <c r="AL202" s="1"/>
      <c r="AM202" s="1"/>
      <c r="AN202" s="1"/>
      <c r="AO202" s="1"/>
      <c r="AP202" s="1"/>
      <c r="AQ202" s="1"/>
      <c r="AR202" s="1"/>
      <c r="AS202" s="1"/>
      <c r="AT202" s="1"/>
      <c r="AU202" s="1"/>
      <c r="AV202" s="1"/>
      <c r="AW202" s="1"/>
      <c r="AX202" s="1"/>
      <c r="AY202" s="1"/>
      <c r="AZ202" s="1"/>
      <c r="BA202" s="1"/>
      <c r="BB202" s="1"/>
      <c r="BC202" s="1"/>
      <c r="BD202" s="1"/>
      <c r="BE202" s="1"/>
      <c r="BF202" s="1"/>
      <c r="BG202" s="1"/>
      <c r="BH202" s="1"/>
      <c r="BI202" s="1"/>
      <c r="BJ202" s="1"/>
      <c r="BK202" s="1"/>
      <c r="BL202" s="1"/>
      <c r="BM202" s="1"/>
      <c r="BN202" s="1"/>
      <c r="BO202" s="1"/>
      <c r="BP202" s="1"/>
      <c r="BQ202" s="1"/>
      <c r="BR202" s="1"/>
      <c r="BS202" s="1"/>
      <c r="BT202" s="1"/>
    </row>
    <row r="203" spans="1:72" s="37" customFormat="1" ht="7.5" customHeight="1" x14ac:dyDescent="0.55000000000000004">
      <c r="A203" s="1"/>
      <c r="B203" s="1"/>
      <c r="C203" s="1"/>
      <c r="D203" s="1"/>
      <c r="E203" s="1"/>
      <c r="F203" s="1"/>
      <c r="G203" s="1"/>
      <c r="H203" s="1"/>
      <c r="I203" s="1"/>
      <c r="J203" s="1"/>
      <c r="K203" s="1"/>
      <c r="L203" s="1"/>
      <c r="M203" s="1"/>
      <c r="N203" s="1"/>
      <c r="O203" s="1"/>
      <c r="P203" s="1"/>
      <c r="Q203" s="1"/>
      <c r="R203" s="1"/>
      <c r="S203" s="1"/>
      <c r="T203" s="1"/>
      <c r="U203" s="1"/>
      <c r="V203" s="1"/>
      <c r="W203" s="1"/>
      <c r="X203" s="1"/>
      <c r="Y203" s="1"/>
      <c r="Z203" s="1"/>
      <c r="AA203" s="1"/>
      <c r="AB203" s="1"/>
      <c r="AC203" s="1"/>
      <c r="AD203" s="1"/>
      <c r="AE203" s="1"/>
      <c r="AF203" s="1"/>
      <c r="AG203" s="1"/>
      <c r="AH203" s="1"/>
      <c r="AI203" s="1"/>
      <c r="AJ203" s="1"/>
      <c r="AK203" s="1"/>
      <c r="AL203" s="1"/>
      <c r="AM203" s="1"/>
      <c r="AN203" s="1"/>
      <c r="AO203" s="1"/>
      <c r="AP203" s="1"/>
      <c r="AQ203" s="1"/>
      <c r="AR203" s="1"/>
      <c r="AS203" s="1"/>
      <c r="AT203" s="1"/>
      <c r="AU203" s="1"/>
      <c r="AV203" s="1"/>
      <c r="AW203" s="1"/>
      <c r="AX203" s="1"/>
      <c r="AY203" s="1"/>
      <c r="AZ203" s="1"/>
      <c r="BA203" s="1"/>
      <c r="BB203" s="1"/>
      <c r="BC203" s="1"/>
      <c r="BD203" s="1"/>
      <c r="BE203" s="1"/>
      <c r="BF203" s="1"/>
      <c r="BG203" s="1"/>
      <c r="BH203" s="1"/>
      <c r="BI203" s="1"/>
      <c r="BJ203" s="1"/>
      <c r="BK203" s="1"/>
      <c r="BL203" s="1"/>
      <c r="BM203" s="1"/>
      <c r="BN203" s="1"/>
      <c r="BO203" s="1"/>
      <c r="BP203" s="1"/>
      <c r="BQ203" s="1"/>
      <c r="BR203" s="1"/>
      <c r="BS203" s="1"/>
      <c r="BT203" s="1"/>
    </row>
    <row r="204" spans="1:72" s="37" customFormat="1" ht="7.5" customHeight="1" x14ac:dyDescent="0.55000000000000004">
      <c r="A204" s="1"/>
      <c r="B204" s="1"/>
      <c r="C204" s="1"/>
      <c r="D204" s="1"/>
      <c r="E204" s="1"/>
      <c r="F204" s="1"/>
      <c r="G204" s="1"/>
      <c r="H204" s="1"/>
      <c r="I204" s="1"/>
      <c r="J204" s="1"/>
      <c r="K204" s="1"/>
      <c r="L204" s="1"/>
      <c r="M204" s="1"/>
      <c r="N204" s="1"/>
      <c r="O204" s="1"/>
      <c r="P204" s="1"/>
      <c r="Q204" s="1"/>
      <c r="R204" s="1"/>
      <c r="S204" s="1"/>
      <c r="T204" s="1"/>
      <c r="U204" s="1"/>
      <c r="V204" s="1"/>
      <c r="W204" s="1"/>
      <c r="X204" s="1"/>
      <c r="Y204" s="1"/>
      <c r="Z204" s="1"/>
      <c r="AA204" s="1"/>
      <c r="AB204" s="1"/>
      <c r="AC204" s="1"/>
      <c r="AD204" s="1"/>
      <c r="AE204" s="1"/>
      <c r="AF204" s="1"/>
      <c r="AG204" s="1"/>
      <c r="AH204" s="1"/>
      <c r="AI204" s="1"/>
      <c r="AJ204" s="1"/>
      <c r="AK204" s="1"/>
      <c r="AL204" s="1"/>
      <c r="AM204" s="1"/>
      <c r="AN204" s="1"/>
      <c r="AO204" s="1"/>
      <c r="AP204" s="1"/>
      <c r="AQ204" s="1"/>
      <c r="AR204" s="1"/>
      <c r="AS204" s="1"/>
      <c r="AT204" s="1"/>
      <c r="AU204" s="1"/>
      <c r="AV204" s="1"/>
      <c r="AW204" s="1"/>
      <c r="AX204" s="1"/>
      <c r="AY204" s="1"/>
      <c r="AZ204" s="1"/>
      <c r="BA204" s="1"/>
      <c r="BB204" s="1"/>
      <c r="BC204" s="1"/>
      <c r="BD204" s="1"/>
      <c r="BE204" s="1"/>
      <c r="BF204" s="1"/>
      <c r="BG204" s="1"/>
      <c r="BH204" s="1"/>
      <c r="BI204" s="1"/>
      <c r="BJ204" s="1"/>
      <c r="BK204" s="1"/>
      <c r="BL204" s="1"/>
      <c r="BM204" s="1"/>
      <c r="BN204" s="1"/>
      <c r="BO204" s="1"/>
      <c r="BP204" s="1"/>
      <c r="BQ204" s="1"/>
      <c r="BR204" s="1"/>
      <c r="BS204" s="1"/>
      <c r="BT204" s="1"/>
    </row>
    <row r="205" spans="1:72" s="37" customFormat="1" ht="7.5" customHeight="1" x14ac:dyDescent="0.55000000000000004">
      <c r="A205" s="1"/>
      <c r="B205" s="1"/>
      <c r="C205" s="1"/>
      <c r="D205" s="1"/>
      <c r="E205" s="1"/>
      <c r="F205" s="1"/>
      <c r="G205" s="1"/>
      <c r="H205" s="1"/>
      <c r="I205" s="1"/>
      <c r="J205" s="1"/>
      <c r="K205" s="1"/>
      <c r="L205" s="1"/>
      <c r="M205" s="1"/>
      <c r="N205" s="1"/>
      <c r="O205" s="1"/>
      <c r="P205" s="1"/>
      <c r="Q205" s="1"/>
      <c r="R205" s="1"/>
      <c r="S205" s="1"/>
      <c r="T205" s="1"/>
      <c r="U205" s="1"/>
      <c r="V205" s="1"/>
      <c r="W205" s="1"/>
      <c r="X205" s="1"/>
      <c r="Y205" s="1"/>
      <c r="Z205" s="1"/>
      <c r="AA205" s="1"/>
      <c r="AB205" s="1"/>
      <c r="AC205" s="1"/>
      <c r="AD205" s="1"/>
      <c r="AE205" s="1"/>
      <c r="AF205" s="1"/>
      <c r="AG205" s="1"/>
      <c r="AH205" s="1"/>
      <c r="AI205" s="1"/>
      <c r="AJ205" s="1"/>
      <c r="AK205" s="1"/>
      <c r="AL205" s="1"/>
      <c r="AM205" s="1"/>
      <c r="AN205" s="1"/>
      <c r="AO205" s="1"/>
      <c r="AP205" s="1"/>
      <c r="AQ205" s="1"/>
      <c r="AR205" s="1"/>
      <c r="AS205" s="1"/>
      <c r="AT205" s="1"/>
      <c r="AU205" s="1"/>
      <c r="AV205" s="1"/>
      <c r="AW205" s="1"/>
      <c r="AX205" s="1"/>
      <c r="AY205" s="1"/>
      <c r="AZ205" s="1"/>
      <c r="BA205" s="1"/>
      <c r="BB205" s="1"/>
      <c r="BC205" s="1"/>
      <c r="BD205" s="1"/>
      <c r="BE205" s="1"/>
      <c r="BF205" s="1"/>
      <c r="BG205" s="1"/>
      <c r="BH205" s="1"/>
      <c r="BI205" s="1"/>
      <c r="BJ205" s="1"/>
      <c r="BK205" s="1"/>
      <c r="BL205" s="1"/>
      <c r="BM205" s="1"/>
      <c r="BN205" s="1"/>
      <c r="BO205" s="1"/>
      <c r="BP205" s="1"/>
      <c r="BQ205" s="1"/>
      <c r="BR205" s="1"/>
      <c r="BS205" s="1"/>
      <c r="BT205" s="1"/>
    </row>
    <row r="206" spans="1:72" s="37" customFormat="1" ht="7.5" customHeight="1" x14ac:dyDescent="0.55000000000000004">
      <c r="A206" s="1"/>
      <c r="B206" s="1"/>
      <c r="C206" s="1"/>
      <c r="D206" s="1"/>
      <c r="E206" s="1"/>
      <c r="F206" s="1"/>
      <c r="G206" s="1"/>
      <c r="H206" s="1"/>
      <c r="I206" s="1"/>
      <c r="J206" s="1"/>
      <c r="K206" s="1"/>
      <c r="L206" s="1"/>
      <c r="M206" s="1"/>
      <c r="N206" s="1"/>
      <c r="O206" s="1"/>
      <c r="P206" s="1"/>
      <c r="Q206" s="1"/>
      <c r="R206" s="1"/>
      <c r="S206" s="1"/>
      <c r="T206" s="1"/>
      <c r="U206" s="1"/>
      <c r="V206" s="1"/>
      <c r="W206" s="1"/>
      <c r="X206" s="1"/>
      <c r="Y206" s="1"/>
      <c r="Z206" s="1"/>
      <c r="AA206" s="1"/>
      <c r="AB206" s="1"/>
      <c r="AC206" s="1"/>
      <c r="AD206" s="1"/>
      <c r="AE206" s="1"/>
      <c r="AF206" s="1"/>
      <c r="AG206" s="1"/>
      <c r="AH206" s="1"/>
      <c r="AI206" s="1"/>
      <c r="AJ206" s="1"/>
      <c r="AK206" s="1"/>
      <c r="AL206" s="1"/>
      <c r="AM206" s="1"/>
      <c r="AN206" s="1"/>
      <c r="AO206" s="1"/>
      <c r="AP206" s="1"/>
      <c r="AQ206" s="1"/>
      <c r="AR206" s="1"/>
      <c r="AS206" s="1"/>
      <c r="AT206" s="1"/>
      <c r="AU206" s="1"/>
      <c r="AV206" s="1"/>
      <c r="AW206" s="1"/>
      <c r="AX206" s="1"/>
      <c r="AY206" s="1"/>
      <c r="AZ206" s="1"/>
      <c r="BA206" s="1"/>
      <c r="BB206" s="1"/>
      <c r="BC206" s="1"/>
      <c r="BD206" s="1"/>
      <c r="BE206" s="1"/>
      <c r="BF206" s="1"/>
      <c r="BG206" s="1"/>
      <c r="BH206" s="1"/>
      <c r="BI206" s="1"/>
      <c r="BJ206" s="1"/>
      <c r="BK206" s="1"/>
      <c r="BL206" s="1"/>
      <c r="BM206" s="1"/>
      <c r="BN206" s="1"/>
      <c r="BO206" s="1"/>
      <c r="BP206" s="1"/>
      <c r="BQ206" s="1"/>
      <c r="BR206" s="1"/>
      <c r="BS206" s="1"/>
      <c r="BT206" s="1"/>
    </row>
    <row r="207" spans="1:72" s="37" customFormat="1" ht="7.5" customHeight="1" x14ac:dyDescent="0.55000000000000004">
      <c r="A207" s="1"/>
      <c r="B207" s="1"/>
      <c r="C207" s="1"/>
      <c r="D207" s="1"/>
      <c r="E207" s="1"/>
      <c r="F207" s="1"/>
      <c r="G207" s="1"/>
      <c r="H207" s="1"/>
      <c r="I207" s="1"/>
      <c r="J207" s="1"/>
      <c r="K207" s="1"/>
      <c r="L207" s="1"/>
      <c r="M207" s="1"/>
      <c r="N207" s="1"/>
      <c r="O207" s="1"/>
      <c r="P207" s="1"/>
      <c r="Q207" s="1"/>
      <c r="R207" s="1"/>
      <c r="S207" s="1"/>
      <c r="T207" s="1"/>
      <c r="U207" s="1"/>
      <c r="V207" s="1"/>
      <c r="W207" s="1"/>
      <c r="X207" s="1"/>
      <c r="Y207" s="1"/>
      <c r="Z207" s="1"/>
      <c r="AA207" s="1"/>
      <c r="AB207" s="1"/>
      <c r="AC207" s="1"/>
      <c r="AD207" s="1"/>
      <c r="AE207" s="1"/>
      <c r="AF207" s="1"/>
      <c r="AG207" s="1"/>
      <c r="AH207" s="1"/>
      <c r="AI207" s="1"/>
      <c r="AJ207" s="1"/>
      <c r="AK207" s="1"/>
      <c r="AL207" s="1"/>
      <c r="AM207" s="1"/>
      <c r="AN207" s="1"/>
      <c r="AO207" s="1"/>
      <c r="AP207" s="1"/>
      <c r="AQ207" s="1"/>
      <c r="AR207" s="1"/>
      <c r="AS207" s="1"/>
      <c r="AT207" s="1"/>
      <c r="AU207" s="1"/>
      <c r="AV207" s="1"/>
      <c r="AW207" s="1"/>
      <c r="AX207" s="1"/>
      <c r="AY207" s="1"/>
      <c r="AZ207" s="1"/>
      <c r="BA207" s="1"/>
      <c r="BB207" s="1"/>
      <c r="BC207" s="1"/>
      <c r="BD207" s="1"/>
      <c r="BE207" s="1"/>
      <c r="BF207" s="1"/>
      <c r="BG207" s="1"/>
      <c r="BH207" s="1"/>
      <c r="BI207" s="1"/>
      <c r="BJ207" s="1"/>
      <c r="BK207" s="1"/>
      <c r="BL207" s="1"/>
      <c r="BM207" s="1"/>
      <c r="BN207" s="1"/>
      <c r="BO207" s="1"/>
      <c r="BP207" s="1"/>
      <c r="BQ207" s="1"/>
      <c r="BR207" s="1"/>
      <c r="BS207" s="1"/>
      <c r="BT207" s="1"/>
    </row>
    <row r="208" spans="1:72" s="37" customFormat="1" ht="7.5" customHeight="1" x14ac:dyDescent="0.55000000000000004">
      <c r="A208" s="1"/>
      <c r="B208" s="1"/>
      <c r="C208" s="1"/>
      <c r="D208" s="1"/>
      <c r="E208" s="1"/>
      <c r="F208" s="1"/>
      <c r="G208" s="1"/>
      <c r="H208" s="1"/>
      <c r="I208" s="1"/>
      <c r="J208" s="1"/>
      <c r="K208" s="1"/>
      <c r="L208" s="1"/>
      <c r="M208" s="1"/>
      <c r="N208" s="1"/>
      <c r="O208" s="1"/>
      <c r="P208" s="1"/>
      <c r="Q208" s="1"/>
      <c r="R208" s="1"/>
      <c r="S208" s="1"/>
      <c r="T208" s="1"/>
      <c r="U208" s="1"/>
      <c r="V208" s="1"/>
      <c r="W208" s="1"/>
      <c r="X208" s="1"/>
      <c r="Y208" s="1"/>
      <c r="Z208" s="1"/>
      <c r="AA208" s="1"/>
      <c r="AB208" s="1"/>
      <c r="AC208" s="1"/>
      <c r="AD208" s="1"/>
      <c r="AE208" s="1"/>
      <c r="AF208" s="1"/>
      <c r="AG208" s="1"/>
      <c r="AH208" s="1"/>
      <c r="AI208" s="1"/>
      <c r="AJ208" s="1"/>
      <c r="AK208" s="1"/>
      <c r="AL208" s="1"/>
      <c r="AM208" s="1"/>
      <c r="AN208" s="1"/>
      <c r="AO208" s="1"/>
      <c r="AP208" s="1"/>
      <c r="AQ208" s="1"/>
      <c r="AR208" s="1"/>
      <c r="AS208" s="1"/>
      <c r="AT208" s="1"/>
      <c r="AU208" s="1"/>
      <c r="AV208" s="1"/>
      <c r="AW208" s="1"/>
      <c r="AX208" s="1"/>
      <c r="AY208" s="1"/>
      <c r="AZ208" s="1"/>
      <c r="BA208" s="1"/>
      <c r="BB208" s="1"/>
      <c r="BC208" s="1"/>
      <c r="BD208" s="1"/>
      <c r="BE208" s="1"/>
      <c r="BF208" s="1"/>
      <c r="BG208" s="1"/>
      <c r="BH208" s="1"/>
      <c r="BI208" s="1"/>
      <c r="BJ208" s="1"/>
      <c r="BK208" s="1"/>
      <c r="BL208" s="1"/>
      <c r="BM208" s="1"/>
      <c r="BN208" s="1"/>
      <c r="BO208" s="1"/>
      <c r="BP208" s="1"/>
      <c r="BQ208" s="1"/>
      <c r="BR208" s="1"/>
      <c r="BS208" s="1"/>
      <c r="BT208" s="1"/>
    </row>
    <row r="209" spans="1:95" s="37" customFormat="1" ht="7.5" customHeight="1" x14ac:dyDescent="0.55000000000000004">
      <c r="A209" s="1"/>
      <c r="B209" s="1"/>
      <c r="C209" s="1"/>
      <c r="D209" s="1"/>
      <c r="E209" s="1"/>
      <c r="F209" s="1"/>
      <c r="G209" s="1"/>
      <c r="H209" s="1"/>
      <c r="I209" s="1"/>
      <c r="J209" s="1"/>
      <c r="K209" s="1"/>
      <c r="L209" s="1"/>
      <c r="M209" s="1"/>
      <c r="N209" s="1"/>
      <c r="O209" s="1"/>
      <c r="P209" s="1"/>
      <c r="Q209" s="1"/>
      <c r="R209" s="1"/>
      <c r="S209" s="1"/>
      <c r="T209" s="1"/>
      <c r="U209" s="1"/>
      <c r="V209" s="1"/>
      <c r="W209" s="1"/>
      <c r="X209" s="1"/>
      <c r="Y209" s="1"/>
      <c r="Z209" s="1"/>
      <c r="AA209" s="1"/>
      <c r="AB209" s="1"/>
      <c r="AC209" s="1"/>
      <c r="AD209" s="1"/>
      <c r="AE209" s="1"/>
      <c r="AF209" s="1"/>
      <c r="AG209" s="1"/>
      <c r="AH209" s="1"/>
      <c r="AI209" s="1"/>
      <c r="AJ209" s="1"/>
      <c r="AK209" s="1"/>
      <c r="AL209" s="1"/>
      <c r="AM209" s="1"/>
      <c r="AN209" s="1"/>
      <c r="AO209" s="1"/>
      <c r="AP209" s="1"/>
      <c r="AQ209" s="1"/>
      <c r="AR209" s="1"/>
      <c r="AS209" s="1"/>
      <c r="AT209" s="1"/>
      <c r="AU209" s="1"/>
      <c r="AV209" s="1"/>
      <c r="AW209" s="1"/>
      <c r="AX209" s="1"/>
      <c r="AY209" s="1"/>
      <c r="AZ209" s="1"/>
      <c r="BA209" s="1"/>
      <c r="BB209" s="1"/>
      <c r="BC209" s="1"/>
      <c r="BD209" s="1"/>
      <c r="BE209" s="1"/>
      <c r="BF209" s="1"/>
      <c r="BG209" s="1"/>
      <c r="BH209" s="1"/>
      <c r="BI209" s="1"/>
      <c r="BJ209" s="1"/>
      <c r="BK209" s="1"/>
      <c r="BL209" s="1"/>
      <c r="BM209" s="1"/>
      <c r="BN209" s="1"/>
      <c r="BO209" s="1"/>
      <c r="BP209" s="1"/>
      <c r="BQ209" s="1"/>
      <c r="BR209" s="1"/>
      <c r="BS209" s="1"/>
      <c r="BT209" s="1"/>
    </row>
    <row r="210" spans="1:95" s="37" customFormat="1" ht="7.5" customHeight="1" x14ac:dyDescent="0.55000000000000004">
      <c r="A210" s="1"/>
      <c r="B210" s="1"/>
      <c r="C210" s="1"/>
      <c r="D210" s="1"/>
      <c r="E210" s="1"/>
      <c r="F210" s="1"/>
      <c r="G210" s="1"/>
      <c r="H210" s="1"/>
      <c r="I210" s="1"/>
      <c r="J210" s="1"/>
      <c r="K210" s="1"/>
      <c r="L210" s="1"/>
      <c r="M210" s="1"/>
      <c r="N210" s="1"/>
      <c r="O210" s="1"/>
      <c r="P210" s="1"/>
      <c r="Q210" s="1"/>
      <c r="R210" s="1"/>
      <c r="S210" s="1"/>
      <c r="T210" s="1"/>
      <c r="U210" s="1"/>
      <c r="V210" s="1"/>
      <c r="W210" s="1"/>
      <c r="X210" s="1"/>
      <c r="Y210" s="1"/>
      <c r="Z210" s="1"/>
      <c r="AA210" s="1"/>
      <c r="AB210" s="1"/>
      <c r="AC210" s="1"/>
      <c r="AD210" s="1"/>
      <c r="AE210" s="1"/>
      <c r="AF210" s="1"/>
      <c r="AG210" s="1"/>
      <c r="AH210" s="1"/>
      <c r="AI210" s="1"/>
      <c r="AJ210" s="1"/>
      <c r="AK210" s="1"/>
      <c r="AL210" s="1"/>
      <c r="AM210" s="1"/>
      <c r="AN210" s="1"/>
      <c r="AO210" s="1"/>
      <c r="AP210" s="1"/>
      <c r="AQ210" s="1"/>
      <c r="AR210" s="1"/>
      <c r="AS210" s="1"/>
      <c r="AT210" s="1"/>
      <c r="AU210" s="1"/>
      <c r="AV210" s="1"/>
      <c r="AW210" s="1"/>
      <c r="AX210" s="1"/>
      <c r="AY210" s="1"/>
      <c r="AZ210" s="1"/>
      <c r="BA210" s="1"/>
      <c r="BB210" s="1"/>
      <c r="BC210" s="1"/>
      <c r="BD210" s="1"/>
      <c r="BE210" s="1"/>
      <c r="BF210" s="1"/>
      <c r="BG210" s="1"/>
      <c r="BH210" s="1"/>
      <c r="BI210" s="1"/>
      <c r="BJ210" s="1"/>
      <c r="BK210" s="1"/>
      <c r="BL210" s="1"/>
      <c r="BM210" s="1"/>
      <c r="BN210" s="1"/>
      <c r="BO210" s="1"/>
      <c r="BP210" s="1"/>
      <c r="BQ210" s="1"/>
      <c r="BR210" s="1"/>
      <c r="BS210" s="1"/>
      <c r="BT210" s="1"/>
    </row>
    <row r="211" spans="1:95" s="37" customFormat="1" ht="7.5" customHeight="1" x14ac:dyDescent="0.55000000000000004">
      <c r="A211" s="1"/>
      <c r="B211" s="1"/>
      <c r="C211" s="1"/>
      <c r="D211" s="1"/>
      <c r="E211" s="1"/>
      <c r="F211" s="1"/>
      <c r="G211" s="1"/>
      <c r="H211" s="1"/>
      <c r="I211" s="1"/>
      <c r="J211" s="1"/>
      <c r="K211" s="1"/>
      <c r="L211" s="1"/>
      <c r="M211" s="1"/>
      <c r="N211" s="1"/>
      <c r="O211" s="1"/>
      <c r="P211" s="1"/>
      <c r="Q211" s="1"/>
      <c r="R211" s="1"/>
      <c r="S211" s="1"/>
      <c r="T211" s="1"/>
      <c r="U211" s="1"/>
      <c r="V211" s="1"/>
      <c r="W211" s="1"/>
      <c r="X211" s="1"/>
      <c r="Y211" s="1"/>
      <c r="Z211" s="1"/>
      <c r="AA211" s="1"/>
      <c r="AB211" s="1"/>
      <c r="AC211" s="1"/>
      <c r="AD211" s="1"/>
      <c r="AE211" s="1"/>
      <c r="AF211" s="1"/>
      <c r="AG211" s="1"/>
      <c r="AH211" s="1"/>
      <c r="AI211" s="1"/>
      <c r="AJ211" s="1"/>
      <c r="AK211" s="1"/>
      <c r="AL211" s="1"/>
      <c r="AM211" s="1"/>
      <c r="AN211" s="1"/>
      <c r="AO211" s="1"/>
      <c r="AP211" s="1"/>
      <c r="AQ211" s="1"/>
      <c r="AR211" s="1"/>
      <c r="AS211" s="1"/>
      <c r="AT211" s="1"/>
      <c r="AU211" s="1"/>
      <c r="AV211" s="1"/>
      <c r="AW211" s="1"/>
      <c r="AX211" s="1"/>
      <c r="AY211" s="1"/>
      <c r="AZ211" s="1"/>
      <c r="BA211" s="1"/>
      <c r="BB211" s="1"/>
      <c r="BC211" s="1"/>
      <c r="BD211" s="1"/>
      <c r="BE211" s="1"/>
      <c r="BF211" s="1"/>
      <c r="BG211" s="1"/>
      <c r="BH211" s="1"/>
      <c r="BI211" s="1"/>
      <c r="BJ211" s="1"/>
      <c r="BK211" s="1"/>
      <c r="BL211" s="1"/>
      <c r="BM211" s="1"/>
      <c r="BN211" s="1"/>
      <c r="BO211" s="1"/>
      <c r="BP211" s="1"/>
      <c r="BQ211" s="1"/>
      <c r="BR211" s="1"/>
      <c r="BS211" s="1"/>
      <c r="BT211" s="1"/>
    </row>
    <row r="212" spans="1:95" ht="7.5" customHeight="1" x14ac:dyDescent="0.55000000000000004">
      <c r="BU212" s="37"/>
      <c r="BV212" s="37"/>
      <c r="BW212" s="37"/>
      <c r="BX212" s="37"/>
      <c r="BY212" s="37"/>
      <c r="BZ212" s="37"/>
      <c r="CA212" s="37"/>
      <c r="CB212" s="37"/>
      <c r="CC212" s="37"/>
      <c r="CD212" s="37"/>
      <c r="CE212" s="37"/>
      <c r="CF212" s="37"/>
      <c r="CG212" s="37"/>
      <c r="CH212" s="37"/>
      <c r="CI212" s="37"/>
      <c r="CJ212" s="37"/>
      <c r="CK212" s="37"/>
      <c r="CL212" s="37"/>
      <c r="CM212" s="37"/>
      <c r="CN212" s="37"/>
      <c r="CO212" s="37"/>
      <c r="CP212" s="37"/>
      <c r="CQ212" s="37"/>
    </row>
  </sheetData>
  <mergeCells count="29">
    <mergeCell ref="A51:CQ59"/>
    <mergeCell ref="A1:BT3"/>
    <mergeCell ref="A5:CM6"/>
    <mergeCell ref="A8:T8"/>
    <mergeCell ref="B10:CN13"/>
    <mergeCell ref="C15:CO15"/>
    <mergeCell ref="A17:T17"/>
    <mergeCell ref="B19:CQ23"/>
    <mergeCell ref="A27:CQ29"/>
    <mergeCell ref="B31:CQ38"/>
    <mergeCell ref="A40:CQ42"/>
    <mergeCell ref="B44:CQ46"/>
    <mergeCell ref="A61:BO62"/>
    <mergeCell ref="AF63:BA64"/>
    <mergeCell ref="CF63:CL64"/>
    <mergeCell ref="AY65:BC67"/>
    <mergeCell ref="BD65:CC67"/>
    <mergeCell ref="CE65:CM67"/>
    <mergeCell ref="AY68:BC70"/>
    <mergeCell ref="BD68:CC70"/>
    <mergeCell ref="CE68:CM70"/>
    <mergeCell ref="AY71:BC73"/>
    <mergeCell ref="BD71:CC73"/>
    <mergeCell ref="CE71:CM73"/>
    <mergeCell ref="AY74:BC76"/>
    <mergeCell ref="BD74:CC76"/>
    <mergeCell ref="CE74:CM76"/>
    <mergeCell ref="A78:CQ81"/>
    <mergeCell ref="A82:CQ87"/>
  </mergeCells>
  <phoneticPr fontId="2"/>
  <printOptions horizontalCentered="1" verticalCentered="1"/>
  <pageMargins left="0.43307086614173229" right="0.27559055118110237" top="0.39370078740157483" bottom="0.39370078740157483" header="0.31496062992125984" footer="0.31496062992125984"/>
  <pageSetup paperSize="9" scale="67" firstPageNumber="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098" r:id="rId4" name="Check Box 2">
              <controlPr defaultSize="0" autoFill="0" autoLine="0" autoPict="0">
                <anchor moveWithCells="1">
                  <from>
                    <xdr:col>81</xdr:col>
                    <xdr:colOff>63500</xdr:colOff>
                    <xdr:row>65</xdr:row>
                    <xdr:rowOff>69850</xdr:rowOff>
                  </from>
                  <to>
                    <xdr:col>86</xdr:col>
                    <xdr:colOff>44450</xdr:colOff>
                    <xdr:row>67</xdr:row>
                    <xdr:rowOff>6350</xdr:rowOff>
                  </to>
                </anchor>
              </controlPr>
            </control>
          </mc:Choice>
        </mc:AlternateContent>
        <mc:AlternateContent xmlns:mc="http://schemas.openxmlformats.org/markup-compatibility/2006">
          <mc:Choice Requires="x14">
            <control shapeId="4099" r:id="rId5" name="Check Box 3">
              <controlPr defaultSize="0" autoFill="0" autoLine="0" autoPict="0">
                <anchor moveWithCells="1">
                  <from>
                    <xdr:col>86</xdr:col>
                    <xdr:colOff>76200</xdr:colOff>
                    <xdr:row>65</xdr:row>
                    <xdr:rowOff>38100</xdr:rowOff>
                  </from>
                  <to>
                    <xdr:col>90</xdr:col>
                    <xdr:colOff>63500</xdr:colOff>
                    <xdr:row>67</xdr:row>
                    <xdr:rowOff>0</xdr:rowOff>
                  </to>
                </anchor>
              </controlPr>
            </control>
          </mc:Choice>
        </mc:AlternateContent>
        <mc:AlternateContent xmlns:mc="http://schemas.openxmlformats.org/markup-compatibility/2006">
          <mc:Choice Requires="x14">
            <control shapeId="4101" r:id="rId6" name="Check Box 5">
              <controlPr defaultSize="0" autoFill="0" autoLine="0" autoPict="0">
                <anchor moveWithCells="1">
                  <from>
                    <xdr:col>81</xdr:col>
                    <xdr:colOff>69850</xdr:colOff>
                    <xdr:row>68</xdr:row>
                    <xdr:rowOff>38100</xdr:rowOff>
                  </from>
                  <to>
                    <xdr:col>85</xdr:col>
                    <xdr:colOff>69850</xdr:colOff>
                    <xdr:row>70</xdr:row>
                    <xdr:rowOff>0</xdr:rowOff>
                  </to>
                </anchor>
              </controlPr>
            </control>
          </mc:Choice>
        </mc:AlternateContent>
        <mc:AlternateContent xmlns:mc="http://schemas.openxmlformats.org/markup-compatibility/2006">
          <mc:Choice Requires="x14">
            <control shapeId="4102" r:id="rId7" name="Check Box 6">
              <controlPr defaultSize="0" autoFill="0" autoLine="0" autoPict="0">
                <anchor moveWithCells="1">
                  <from>
                    <xdr:col>86</xdr:col>
                    <xdr:colOff>76200</xdr:colOff>
                    <xdr:row>68</xdr:row>
                    <xdr:rowOff>31750</xdr:rowOff>
                  </from>
                  <to>
                    <xdr:col>92</xdr:col>
                    <xdr:colOff>76200</xdr:colOff>
                    <xdr:row>70</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利用申込書（表）</vt:lpstr>
      <vt:lpstr>利用申込書 (裏)</vt:lpstr>
      <vt:lpstr>注意事項</vt:lpstr>
      <vt:lpstr>同意書</vt:lpstr>
      <vt:lpstr>注意事項!Print_Area</vt:lpstr>
      <vt:lpstr>同意書!Print_Area</vt:lpstr>
      <vt:lpstr>'利用申込書 (裏)'!Print_Area</vt:lpstr>
      <vt:lpstr>'利用申込書（表）'!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上地　広季</dc:creator>
  <cp:lastModifiedBy>上地　広季</cp:lastModifiedBy>
  <cp:lastPrinted>2023-08-09T10:42:02Z</cp:lastPrinted>
  <dcterms:created xsi:type="dcterms:W3CDTF">2023-08-03T04:58:55Z</dcterms:created>
  <dcterms:modified xsi:type="dcterms:W3CDTF">2023-09-04T06:16:11Z</dcterms:modified>
</cp:coreProperties>
</file>